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789" r:id="rId4"/>
  </p:sldMasterIdLst>
  <p:notesMasterIdLst>
    <p:notesMasterId r:id="rId38"/>
  </p:notesMasterIdLst>
  <p:sldIdLst>
    <p:sldId id="257" r:id="rId5"/>
    <p:sldId id="3835" r:id="rId6"/>
    <p:sldId id="3906" r:id="rId7"/>
    <p:sldId id="3907" r:id="rId8"/>
    <p:sldId id="3877" r:id="rId9"/>
    <p:sldId id="3837" r:id="rId10"/>
    <p:sldId id="3869" r:id="rId11"/>
    <p:sldId id="3887" r:id="rId12"/>
    <p:sldId id="3888" r:id="rId13"/>
    <p:sldId id="3889" r:id="rId14"/>
    <p:sldId id="3879" r:id="rId15"/>
    <p:sldId id="3890" r:id="rId16"/>
    <p:sldId id="3880" r:id="rId17"/>
    <p:sldId id="3882" r:id="rId18"/>
    <p:sldId id="3826" r:id="rId19"/>
    <p:sldId id="3893" r:id="rId20"/>
    <p:sldId id="3873" r:id="rId21"/>
    <p:sldId id="3892" r:id="rId22"/>
    <p:sldId id="3895" r:id="rId23"/>
    <p:sldId id="3894" r:id="rId24"/>
    <p:sldId id="3896" r:id="rId25"/>
    <p:sldId id="3883" r:id="rId26"/>
    <p:sldId id="3857" r:id="rId27"/>
    <p:sldId id="3885" r:id="rId28"/>
    <p:sldId id="3899" r:id="rId29"/>
    <p:sldId id="3900" r:id="rId30"/>
    <p:sldId id="3901" r:id="rId31"/>
    <p:sldId id="3902" r:id="rId32"/>
    <p:sldId id="3905" r:id="rId33"/>
    <p:sldId id="3904" r:id="rId34"/>
    <p:sldId id="3851" r:id="rId35"/>
    <p:sldId id="3867" r:id="rId36"/>
    <p:sldId id="3834" r:id="rId37"/>
  </p:sldIdLst>
  <p:sldSz cx="12192000" cy="6858000"/>
  <p:notesSz cx="6858000" cy="9144000"/>
  <p:custDataLst>
    <p:tags r:id="rId3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200" userDrawn="1">
          <p15:clr>
            <a:srgbClr val="A4A3A4"/>
          </p15:clr>
        </p15:guide>
        <p15:guide id="2" orient="horz" pos="3408" userDrawn="1">
          <p15:clr>
            <a:srgbClr val="A4A3A4"/>
          </p15:clr>
        </p15:guide>
        <p15:guide id="3" pos="6936" userDrawn="1">
          <p15:clr>
            <a:srgbClr val="A4A3A4"/>
          </p15:clr>
        </p15:guide>
        <p15:guide id="4" pos="744" userDrawn="1">
          <p15:clr>
            <a:srgbClr val="A4A3A4"/>
          </p15:clr>
        </p15:guide>
      </p15:sldGuideLst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0000000-0000-0000-0000-000000000000}" name="Author" initials="A" userId="Author" providerId="AD"/>
  <p188:author id="{7E78E018-9F7D-80B2-CC2C-423D5F4C9EF0}" name="Silvia Chan" initials="SC" userId="S::silvia.chan@pearson.com::455a070d-940c-4368-bfe1-1d4b72fc45c7" providerId="AD"/>
  <p188:author id="{8A72AE77-A213-8249-ACD0-2779FE66F691}" name="Janice Ko" initials="JK" userId="26a49cda808c0fd8" providerId="Windows Live"/>
  <p188:author id="{F75F347C-082F-608A-4A16-7CFBAA4B47AB}" name="Jennifer Lee" initials="JL" userId="S::jennifer.lee@pearson.com::24ebb4fb-4b96-4290-aed4-aec35bbea96c" providerId="AD"/>
  <p188:author id="{1A114982-953D-0924-76EC-AF24CF439BA6}" name="Grace Chow" initials="GC" userId="S::Grace.Chow@Pearson.com::7200caeb-4733-49f2-84af-0f8924b70767" providerId="AD"/>
  <p188:author id="{A105B493-B008-8A14-F9B8-AEF6807841D3}" name="Grace Chow" initials="GC" userId="S::grace.chow@pearson.com::7200caeb-4733-49f2-84af-0f8924b70767" providerId="AD"/>
  <p188:author id="{B2D1A3B6-4AF2-6E18-BF9B-AC96274BCFDF}" name="janiceko2021@gmail.com" initials="ja" userId="S::urn:spo:guest#janiceko2021@gmail.com::" providerId="AD"/>
  <p188:author id="{F5E80ABE-99DC-C4C6-D065-AB57F65BE7E5}" name="Jennifer Lee" initials="JL" userId="S::Jennifer.Lee@Pearson.com::24ebb4fb-4b96-4290-aed4-aec35bbea96c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906AAB"/>
    <a:srgbClr val="FFC000"/>
    <a:srgbClr val="FFFF00"/>
    <a:srgbClr val="E0EAF6"/>
    <a:srgbClr val="E6E1F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34CAAA9D-C42A-4312-A56F-B3DA73A4D245}" v="29" dt="2023-02-28T07:36:04.155"/>
  </p1510:revLst>
</p1510:revInfo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0A15C55-8517-42AA-B614-E9B94910E393}" styleName="Medium Style 2 - Accent 4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4">
              <a:tint val="20000"/>
            </a:schemeClr>
          </a:solidFill>
        </a:fill>
      </a:tcStyle>
    </a:wholeTbl>
    <a:band1H>
      <a:tcStyle>
        <a:tcBdr/>
        <a:fill>
          <a:solidFill>
            <a:schemeClr val="accent4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4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4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4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4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4"/>
          </a:solidFill>
        </a:fill>
      </a:tcStyle>
    </a:firstRow>
  </a:tblStyle>
  <a:tblStyle styleId="{21E4AEA4-8DFA-4A89-87EB-49C32662AFE0}" styleName="Medium Style 2 - Accent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2">
              <a:tint val="20000"/>
            </a:schemeClr>
          </a:solidFill>
        </a:fill>
      </a:tcStyle>
    </a:wholeTbl>
    <a:band1H>
      <a:tcStyle>
        <a:tcBdr/>
        <a:fill>
          <a:solidFill>
            <a:schemeClr val="accent2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2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2"/>
          </a:solidFill>
        </a:fill>
      </a:tcStyle>
    </a:firstRow>
  </a:tblStyle>
  <a:tblStyle styleId="{7DF18680-E054-41AD-8BC1-D1AEF772440D}" styleName="Medium Style 2 - Accent 5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5">
              <a:tint val="20000"/>
            </a:schemeClr>
          </a:solidFill>
        </a:fill>
      </a:tcStyle>
    </a:wholeTbl>
    <a:band1H>
      <a:tcStyle>
        <a:tcBdr/>
        <a:fill>
          <a:solidFill>
            <a:schemeClr val="accent5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5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5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5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81" d="100"/>
          <a:sy n="81" d="100"/>
        </p:scale>
        <p:origin x="822" y="90"/>
      </p:cViewPr>
      <p:guideLst>
        <p:guide orient="horz" pos="1200"/>
        <p:guide orient="horz" pos="3408"/>
        <p:guide pos="6936"/>
        <p:guide pos="744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9" Type="http://schemas.openxmlformats.org/officeDocument/2006/relationships/tags" Target="tags/tag1.xml"/><Relationship Id="rId3" Type="http://schemas.openxmlformats.org/officeDocument/2006/relationships/customXml" Target="../customXml/item3.xml"/><Relationship Id="rId21" Type="http://schemas.openxmlformats.org/officeDocument/2006/relationships/slide" Target="slides/slide17.xml"/><Relationship Id="rId34" Type="http://schemas.openxmlformats.org/officeDocument/2006/relationships/slide" Target="slides/slide30.xml"/><Relationship Id="rId42" Type="http://schemas.openxmlformats.org/officeDocument/2006/relationships/theme" Target="theme/theme1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notesMaster" Target="notesMasters/notesMaster1.xml"/><Relationship Id="rId46" Type="http://schemas.microsoft.com/office/2018/10/relationships/authors" Target="authors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slide" Target="slides/slide16.xml"/><Relationship Id="rId29" Type="http://schemas.openxmlformats.org/officeDocument/2006/relationships/slide" Target="slides/slide25.xml"/><Relationship Id="rId41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40" Type="http://schemas.openxmlformats.org/officeDocument/2006/relationships/presProps" Target="presProps.xml"/><Relationship Id="rId45" Type="http://schemas.microsoft.com/office/2015/10/relationships/revisionInfo" Target="revisionInfo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31" Type="http://schemas.openxmlformats.org/officeDocument/2006/relationships/slide" Target="slides/slide27.xml"/><Relationship Id="rId44" Type="http://schemas.microsoft.com/office/2016/11/relationships/changesInfo" Target="changesInfos/changesInfo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tableStyles" Target="tableStyles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Grace Chow" userId="S::grace.chow@pearson.com::7200caeb-4733-49f2-84af-0f8924b70767" providerId="AD" clId="Web-{96397B8C-248A-CDBD-6360-6F60C5BC9D13}"/>
    <pc:docChg chg="">
      <pc:chgData name="Grace Chow" userId="S::grace.chow@pearson.com::7200caeb-4733-49f2-84af-0f8924b70767" providerId="AD" clId="Web-{96397B8C-248A-CDBD-6360-6F60C5BC9D13}" dt="2023-02-06T04:54:43.541" v="1"/>
      <pc:docMkLst>
        <pc:docMk/>
      </pc:docMkLst>
      <pc:sldChg chg="modCm">
        <pc:chgData name="Grace Chow" userId="S::grace.chow@pearson.com::7200caeb-4733-49f2-84af-0f8924b70767" providerId="AD" clId="Web-{96397B8C-248A-CDBD-6360-6F60C5BC9D13}" dt="2023-02-06T04:54:02.774" v="0"/>
        <pc:sldMkLst>
          <pc:docMk/>
          <pc:sldMk cId="3676880873" sldId="3835"/>
        </pc:sldMkLst>
      </pc:sldChg>
      <pc:sldChg chg="modCm">
        <pc:chgData name="Grace Chow" userId="S::grace.chow@pearson.com::7200caeb-4733-49f2-84af-0f8924b70767" providerId="AD" clId="Web-{96397B8C-248A-CDBD-6360-6F60C5BC9D13}" dt="2023-02-06T04:54:43.541" v="1"/>
        <pc:sldMkLst>
          <pc:docMk/>
          <pc:sldMk cId="4029369689" sldId="3900"/>
        </pc:sldMkLst>
      </pc:sldChg>
    </pc:docChg>
  </pc:docChgLst>
  <pc:docChgLst>
    <pc:chgData name="Grace Chow" userId="7200caeb-4733-49f2-84af-0f8924b70767" providerId="ADAL" clId="{E6276547-943B-44FD-B488-954340FC3374}"/>
    <pc:docChg chg="">
      <pc:chgData name="Grace Chow" userId="7200caeb-4733-49f2-84af-0f8924b70767" providerId="ADAL" clId="{E6276547-943B-44FD-B488-954340FC3374}" dt="2023-02-06T01:29:02.820" v="10"/>
      <pc:docMkLst>
        <pc:docMk/>
      </pc:docMkLst>
      <pc:sldChg chg="modCm">
        <pc:chgData name="Grace Chow" userId="7200caeb-4733-49f2-84af-0f8924b70767" providerId="ADAL" clId="{E6276547-943B-44FD-B488-954340FC3374}" dt="2023-02-06T01:29:02.820" v="10"/>
        <pc:sldMkLst>
          <pc:docMk/>
          <pc:sldMk cId="3676880873" sldId="3835"/>
        </pc:sldMkLst>
      </pc:sldChg>
      <pc:sldChg chg="modCm">
        <pc:chgData name="Grace Chow" userId="7200caeb-4733-49f2-84af-0f8924b70767" providerId="ADAL" clId="{E6276547-943B-44FD-B488-954340FC3374}" dt="2023-02-06T01:28:25.430" v="7"/>
        <pc:sldMkLst>
          <pc:docMk/>
          <pc:sldMk cId="3522222565" sldId="3873"/>
        </pc:sldMkLst>
      </pc:sldChg>
      <pc:sldChg chg="modCm">
        <pc:chgData name="Grace Chow" userId="7200caeb-4733-49f2-84af-0f8924b70767" providerId="ADAL" clId="{E6276547-943B-44FD-B488-954340FC3374}" dt="2023-02-06T01:28:35.085" v="8"/>
        <pc:sldMkLst>
          <pc:docMk/>
          <pc:sldMk cId="2526489797" sldId="3882"/>
        </pc:sldMkLst>
      </pc:sldChg>
      <pc:sldChg chg="modCm">
        <pc:chgData name="Grace Chow" userId="7200caeb-4733-49f2-84af-0f8924b70767" providerId="ADAL" clId="{E6276547-943B-44FD-B488-954340FC3374}" dt="2023-02-06T01:27:52.624" v="5"/>
        <pc:sldMkLst>
          <pc:docMk/>
          <pc:sldMk cId="2858048443" sldId="3885"/>
        </pc:sldMkLst>
      </pc:sldChg>
      <pc:sldChg chg="modCm">
        <pc:chgData name="Grace Chow" userId="7200caeb-4733-49f2-84af-0f8924b70767" providerId="ADAL" clId="{E6276547-943B-44FD-B488-954340FC3374}" dt="2023-02-06T01:28:52.319" v="9"/>
        <pc:sldMkLst>
          <pc:docMk/>
          <pc:sldMk cId="1457010327" sldId="3887"/>
        </pc:sldMkLst>
      </pc:sldChg>
      <pc:sldChg chg="modCm">
        <pc:chgData name="Grace Chow" userId="7200caeb-4733-49f2-84af-0f8924b70767" providerId="ADAL" clId="{E6276547-943B-44FD-B488-954340FC3374}" dt="2023-02-06T01:28:11.501" v="6"/>
        <pc:sldMkLst>
          <pc:docMk/>
          <pc:sldMk cId="1555460792" sldId="3892"/>
        </pc:sldMkLst>
      </pc:sldChg>
      <pc:sldChg chg="modCm">
        <pc:chgData name="Grace Chow" userId="7200caeb-4733-49f2-84af-0f8924b70767" providerId="ADAL" clId="{E6276547-943B-44FD-B488-954340FC3374}" dt="2023-02-06T01:27:43.321" v="3"/>
        <pc:sldMkLst>
          <pc:docMk/>
          <pc:sldMk cId="776294870" sldId="3899"/>
        </pc:sldMkLst>
      </pc:sldChg>
      <pc:sldChg chg="modCm">
        <pc:chgData name="Grace Chow" userId="7200caeb-4733-49f2-84af-0f8924b70767" providerId="ADAL" clId="{E6276547-943B-44FD-B488-954340FC3374}" dt="2023-02-06T01:27:33.050" v="2"/>
        <pc:sldMkLst>
          <pc:docMk/>
          <pc:sldMk cId="1631253916" sldId="3905"/>
        </pc:sldMkLst>
      </pc:sldChg>
    </pc:docChg>
  </pc:docChgLst>
  <pc:docChgLst>
    <pc:chgData name="Jennifer Lee" userId="24ebb4fb-4b96-4290-aed4-aec35bbea96c" providerId="ADAL" clId="{7FE442EC-0D57-4956-B36D-7C7E28A464B6}"/>
    <pc:docChg chg="undo custSel modSld">
      <pc:chgData name="Jennifer Lee" userId="24ebb4fb-4b96-4290-aed4-aec35bbea96c" providerId="ADAL" clId="{7FE442EC-0D57-4956-B36D-7C7E28A464B6}" dt="2023-02-06T08:10:35.767" v="44"/>
      <pc:docMkLst>
        <pc:docMk/>
      </pc:docMkLst>
      <pc:sldChg chg="modSp mod addCm modCm">
        <pc:chgData name="Jennifer Lee" userId="24ebb4fb-4b96-4290-aed4-aec35bbea96c" providerId="ADAL" clId="{7FE442EC-0D57-4956-B36D-7C7E28A464B6}" dt="2023-02-06T05:18:59.147" v="26" actId="1076"/>
        <pc:sldMkLst>
          <pc:docMk/>
          <pc:sldMk cId="3676880873" sldId="3835"/>
        </pc:sldMkLst>
        <pc:spChg chg="mod">
          <ac:chgData name="Jennifer Lee" userId="24ebb4fb-4b96-4290-aed4-aec35bbea96c" providerId="ADAL" clId="{7FE442EC-0D57-4956-B36D-7C7E28A464B6}" dt="2023-02-06T05:18:33.359" v="23" actId="1076"/>
          <ac:spMkLst>
            <pc:docMk/>
            <pc:sldMk cId="3676880873" sldId="3835"/>
            <ac:spMk id="23" creationId="{AA181C8C-C373-B51A-8D07-A66796946DDE}"/>
          </ac:spMkLst>
        </pc:spChg>
        <pc:spChg chg="mod">
          <ac:chgData name="Jennifer Lee" userId="24ebb4fb-4b96-4290-aed4-aec35bbea96c" providerId="ADAL" clId="{7FE442EC-0D57-4956-B36D-7C7E28A464B6}" dt="2023-02-06T05:18:52.171" v="25" actId="1076"/>
          <ac:spMkLst>
            <pc:docMk/>
            <pc:sldMk cId="3676880873" sldId="3835"/>
            <ac:spMk id="24" creationId="{8DEB695D-CEDC-4DD9-BDC3-90E00FD26D92}"/>
          </ac:spMkLst>
        </pc:spChg>
        <pc:spChg chg="mod">
          <ac:chgData name="Jennifer Lee" userId="24ebb4fb-4b96-4290-aed4-aec35bbea96c" providerId="ADAL" clId="{7FE442EC-0D57-4956-B36D-7C7E28A464B6}" dt="2023-02-06T05:18:59.147" v="26" actId="1076"/>
          <ac:spMkLst>
            <pc:docMk/>
            <pc:sldMk cId="3676880873" sldId="3835"/>
            <ac:spMk id="25" creationId="{E2EB081F-A8A0-62A2-5F02-3F4B7632E10C}"/>
          </ac:spMkLst>
        </pc:spChg>
        <pc:grpChg chg="mod">
          <ac:chgData name="Jennifer Lee" userId="24ebb4fb-4b96-4290-aed4-aec35bbea96c" providerId="ADAL" clId="{7FE442EC-0D57-4956-B36D-7C7E28A464B6}" dt="2023-02-06T05:16:29.317" v="12" actId="1076"/>
          <ac:grpSpMkLst>
            <pc:docMk/>
            <pc:sldMk cId="3676880873" sldId="3835"/>
            <ac:grpSpMk id="26" creationId="{72D3AEF5-8B26-2D70-2B4A-8C4BEE0038AF}"/>
          </ac:grpSpMkLst>
        </pc:grpChg>
        <pc:grpChg chg="mod">
          <ac:chgData name="Jennifer Lee" userId="24ebb4fb-4b96-4290-aed4-aec35bbea96c" providerId="ADAL" clId="{7FE442EC-0D57-4956-B36D-7C7E28A464B6}" dt="2023-02-06T05:16:38.814" v="14" actId="1076"/>
          <ac:grpSpMkLst>
            <pc:docMk/>
            <pc:sldMk cId="3676880873" sldId="3835"/>
            <ac:grpSpMk id="27" creationId="{4F4F1BC8-6FF5-4D20-0901-48562DC46961}"/>
          </ac:grpSpMkLst>
        </pc:grpChg>
      </pc:sldChg>
      <pc:sldChg chg="addSp modSp mod modAnim addCm modCm">
        <pc:chgData name="Jennifer Lee" userId="24ebb4fb-4b96-4290-aed4-aec35bbea96c" providerId="ADAL" clId="{7FE442EC-0D57-4956-B36D-7C7E28A464B6}" dt="2023-02-06T08:07:27.312" v="31"/>
        <pc:sldMkLst>
          <pc:docMk/>
          <pc:sldMk cId="4029369689" sldId="3900"/>
        </pc:sldMkLst>
        <pc:spChg chg="add mod">
          <ac:chgData name="Jennifer Lee" userId="24ebb4fb-4b96-4290-aed4-aec35bbea96c" providerId="ADAL" clId="{7FE442EC-0D57-4956-B36D-7C7E28A464B6}" dt="2023-02-06T07:55:05.690" v="29" actId="14100"/>
          <ac:spMkLst>
            <pc:docMk/>
            <pc:sldMk cId="4029369689" sldId="3900"/>
            <ac:spMk id="2" creationId="{72B7E9AD-0608-DEBC-8A62-1C35FBAFD71E}"/>
          </ac:spMkLst>
        </pc:spChg>
      </pc:sldChg>
      <pc:sldChg chg="addSp modSp mod">
        <pc:chgData name="Jennifer Lee" userId="24ebb4fb-4b96-4290-aed4-aec35bbea96c" providerId="ADAL" clId="{7FE442EC-0D57-4956-B36D-7C7E28A464B6}" dt="2023-02-06T08:10:21.500" v="42" actId="14100"/>
        <pc:sldMkLst>
          <pc:docMk/>
          <pc:sldMk cId="2168302853" sldId="3901"/>
        </pc:sldMkLst>
        <pc:spChg chg="add mod">
          <ac:chgData name="Jennifer Lee" userId="24ebb4fb-4b96-4290-aed4-aec35bbea96c" providerId="ADAL" clId="{7FE442EC-0D57-4956-B36D-7C7E28A464B6}" dt="2023-02-06T08:10:21.500" v="42" actId="14100"/>
          <ac:spMkLst>
            <pc:docMk/>
            <pc:sldMk cId="2168302853" sldId="3901"/>
            <ac:spMk id="2" creationId="{B6A5CAA7-2023-12DC-C282-3D69FE82FDBA}"/>
          </ac:spMkLst>
        </pc:spChg>
      </pc:sldChg>
      <pc:sldChg chg="addSp delSp modSp mod">
        <pc:chgData name="Jennifer Lee" userId="24ebb4fb-4b96-4290-aed4-aec35bbea96c" providerId="ADAL" clId="{7FE442EC-0D57-4956-B36D-7C7E28A464B6}" dt="2023-02-06T08:10:35.767" v="44"/>
        <pc:sldMkLst>
          <pc:docMk/>
          <pc:sldMk cId="3415931500" sldId="3902"/>
        </pc:sldMkLst>
        <pc:spChg chg="add del mod">
          <ac:chgData name="Jennifer Lee" userId="24ebb4fb-4b96-4290-aed4-aec35bbea96c" providerId="ADAL" clId="{7FE442EC-0D57-4956-B36D-7C7E28A464B6}" dt="2023-02-06T08:09:26.245" v="39" actId="478"/>
          <ac:spMkLst>
            <pc:docMk/>
            <pc:sldMk cId="3415931500" sldId="3902"/>
            <ac:spMk id="2" creationId="{8154C9A7-3A4D-FD29-57F7-20E906AF7FC5}"/>
          </ac:spMkLst>
        </pc:spChg>
        <pc:spChg chg="add del mod">
          <ac:chgData name="Jennifer Lee" userId="24ebb4fb-4b96-4290-aed4-aec35bbea96c" providerId="ADAL" clId="{7FE442EC-0D57-4956-B36D-7C7E28A464B6}" dt="2023-02-06T08:10:34.547" v="43" actId="478"/>
          <ac:spMkLst>
            <pc:docMk/>
            <pc:sldMk cId="3415931500" sldId="3902"/>
            <ac:spMk id="3" creationId="{A42ECA92-8133-302A-AB42-4A28842F4E6B}"/>
          </ac:spMkLst>
        </pc:spChg>
        <pc:spChg chg="add mod">
          <ac:chgData name="Jennifer Lee" userId="24ebb4fb-4b96-4290-aed4-aec35bbea96c" providerId="ADAL" clId="{7FE442EC-0D57-4956-B36D-7C7E28A464B6}" dt="2023-02-06T08:10:35.767" v="44"/>
          <ac:spMkLst>
            <pc:docMk/>
            <pc:sldMk cId="3415931500" sldId="3902"/>
            <ac:spMk id="4" creationId="{A20601CC-B745-7330-A984-2DD988AD3E5D}"/>
          </ac:spMkLst>
        </pc:spChg>
      </pc:sldChg>
    </pc:docChg>
  </pc:docChgLst>
  <pc:docChgLst>
    <pc:chgData name="Silvia Chan" userId="455a070d-940c-4368-bfe1-1d4b72fc45c7" providerId="ADAL" clId="{34CAAA9D-C42A-4312-A56F-B3DA73A4D245}"/>
    <pc:docChg chg="undo custSel addSld modSld">
      <pc:chgData name="Silvia Chan" userId="455a070d-940c-4368-bfe1-1d4b72fc45c7" providerId="ADAL" clId="{34CAAA9D-C42A-4312-A56F-B3DA73A4D245}" dt="2023-02-28T07:36:03.287" v="56" actId="14100"/>
      <pc:docMkLst>
        <pc:docMk/>
      </pc:docMkLst>
      <pc:sldChg chg="modSp mod">
        <pc:chgData name="Silvia Chan" userId="455a070d-940c-4368-bfe1-1d4b72fc45c7" providerId="ADAL" clId="{34CAAA9D-C42A-4312-A56F-B3DA73A4D245}" dt="2023-02-28T07:24:07.277" v="1" actId="1076"/>
        <pc:sldMkLst>
          <pc:docMk/>
          <pc:sldMk cId="3075736512" sldId="257"/>
        </pc:sldMkLst>
        <pc:spChg chg="mod">
          <ac:chgData name="Silvia Chan" userId="455a070d-940c-4368-bfe1-1d4b72fc45c7" providerId="ADAL" clId="{34CAAA9D-C42A-4312-A56F-B3DA73A4D245}" dt="2023-02-28T07:24:07.277" v="1" actId="1076"/>
          <ac:spMkLst>
            <pc:docMk/>
            <pc:sldMk cId="3075736512" sldId="257"/>
            <ac:spMk id="13" creationId="{B9AEE223-21C6-4BF0-8D60-D09AABB4BAC6}"/>
          </ac:spMkLst>
        </pc:spChg>
        <pc:picChg chg="mod">
          <ac:chgData name="Silvia Chan" userId="455a070d-940c-4368-bfe1-1d4b72fc45c7" providerId="ADAL" clId="{34CAAA9D-C42A-4312-A56F-B3DA73A4D245}" dt="2023-02-28T07:24:02.524" v="0" actId="14100"/>
          <ac:picMkLst>
            <pc:docMk/>
            <pc:sldMk cId="3075736512" sldId="257"/>
            <ac:picMk id="16" creationId="{6ACFD678-008E-4823-BF71-58A2F2E84935}"/>
          </ac:picMkLst>
        </pc:picChg>
      </pc:sldChg>
      <pc:sldChg chg="delSp mod delAnim modAnim">
        <pc:chgData name="Silvia Chan" userId="455a070d-940c-4368-bfe1-1d4b72fc45c7" providerId="ADAL" clId="{34CAAA9D-C42A-4312-A56F-B3DA73A4D245}" dt="2023-02-28T07:26:43.504" v="11"/>
        <pc:sldMkLst>
          <pc:docMk/>
          <pc:sldMk cId="3676880873" sldId="3835"/>
        </pc:sldMkLst>
        <pc:grpChg chg="del">
          <ac:chgData name="Silvia Chan" userId="455a070d-940c-4368-bfe1-1d4b72fc45c7" providerId="ADAL" clId="{34CAAA9D-C42A-4312-A56F-B3DA73A4D245}" dt="2023-02-28T07:26:00.087" v="8" actId="478"/>
          <ac:grpSpMkLst>
            <pc:docMk/>
            <pc:sldMk cId="3676880873" sldId="3835"/>
            <ac:grpSpMk id="26" creationId="{72D3AEF5-8B26-2D70-2B4A-8C4BEE0038AF}"/>
          </ac:grpSpMkLst>
        </pc:grpChg>
        <pc:grpChg chg="del">
          <ac:chgData name="Silvia Chan" userId="455a070d-940c-4368-bfe1-1d4b72fc45c7" providerId="ADAL" clId="{34CAAA9D-C42A-4312-A56F-B3DA73A4D245}" dt="2023-02-28T07:25:55.009" v="5" actId="478"/>
          <ac:grpSpMkLst>
            <pc:docMk/>
            <pc:sldMk cId="3676880873" sldId="3835"/>
            <ac:grpSpMk id="27" creationId="{4F4F1BC8-6FF5-4D20-0901-48562DC46961}"/>
          </ac:grpSpMkLst>
        </pc:grpChg>
        <pc:picChg chg="del">
          <ac:chgData name="Silvia Chan" userId="455a070d-940c-4368-bfe1-1d4b72fc45c7" providerId="ADAL" clId="{34CAAA9D-C42A-4312-A56F-B3DA73A4D245}" dt="2023-02-28T07:26:08.079" v="9" actId="478"/>
          <ac:picMkLst>
            <pc:docMk/>
            <pc:sldMk cId="3676880873" sldId="3835"/>
            <ac:picMk id="15" creationId="{7B83A870-A05C-E75C-01F8-196486FC84AB}"/>
          </ac:picMkLst>
        </pc:picChg>
        <pc:picChg chg="del">
          <ac:chgData name="Silvia Chan" userId="455a070d-940c-4368-bfe1-1d4b72fc45c7" providerId="ADAL" clId="{34CAAA9D-C42A-4312-A56F-B3DA73A4D245}" dt="2023-02-28T07:25:56.533" v="6" actId="478"/>
          <ac:picMkLst>
            <pc:docMk/>
            <pc:sldMk cId="3676880873" sldId="3835"/>
            <ac:picMk id="19" creationId="{778E1F61-A008-99A6-6198-780819FC6ADF}"/>
          </ac:picMkLst>
        </pc:picChg>
        <pc:picChg chg="del">
          <ac:chgData name="Silvia Chan" userId="455a070d-940c-4368-bfe1-1d4b72fc45c7" providerId="ADAL" clId="{34CAAA9D-C42A-4312-A56F-B3DA73A4D245}" dt="2023-02-28T07:25:57.902" v="7" actId="478"/>
          <ac:picMkLst>
            <pc:docMk/>
            <pc:sldMk cId="3676880873" sldId="3835"/>
            <ac:picMk id="20" creationId="{85D50BA0-7F95-1623-9FC4-09F269D4DC52}"/>
          </ac:picMkLst>
        </pc:picChg>
        <pc:picChg chg="del">
          <ac:chgData name="Silvia Chan" userId="455a070d-940c-4368-bfe1-1d4b72fc45c7" providerId="ADAL" clId="{34CAAA9D-C42A-4312-A56F-B3DA73A4D245}" dt="2023-02-28T07:25:49.993" v="4" actId="478"/>
          <ac:picMkLst>
            <pc:docMk/>
            <pc:sldMk cId="3676880873" sldId="3835"/>
            <ac:picMk id="28" creationId="{89E788E4-EE38-2EA2-B4EA-FCC88F102EAA}"/>
          </ac:picMkLst>
        </pc:picChg>
        <pc:picChg chg="del">
          <ac:chgData name="Silvia Chan" userId="455a070d-940c-4368-bfe1-1d4b72fc45c7" providerId="ADAL" clId="{34CAAA9D-C42A-4312-A56F-B3DA73A4D245}" dt="2023-02-28T07:26:10.873" v="10" actId="478"/>
          <ac:picMkLst>
            <pc:docMk/>
            <pc:sldMk cId="3676880873" sldId="3835"/>
            <ac:picMk id="30" creationId="{6E07EAD2-F450-7700-4DD2-2D2DAE85F4B8}"/>
          </ac:picMkLst>
        </pc:picChg>
      </pc:sldChg>
      <pc:sldChg chg="modSp mod">
        <pc:chgData name="Silvia Chan" userId="455a070d-940c-4368-bfe1-1d4b72fc45c7" providerId="ADAL" clId="{34CAAA9D-C42A-4312-A56F-B3DA73A4D245}" dt="2023-02-28T07:36:03.287" v="56" actId="14100"/>
        <pc:sldMkLst>
          <pc:docMk/>
          <pc:sldMk cId="3715540219" sldId="3880"/>
        </pc:sldMkLst>
        <pc:spChg chg="mod">
          <ac:chgData name="Silvia Chan" userId="455a070d-940c-4368-bfe1-1d4b72fc45c7" providerId="ADAL" clId="{34CAAA9D-C42A-4312-A56F-B3DA73A4D245}" dt="2023-02-28T07:36:03.287" v="56" actId="14100"/>
          <ac:spMkLst>
            <pc:docMk/>
            <pc:sldMk cId="3715540219" sldId="3880"/>
            <ac:spMk id="7" creationId="{3BFB5640-194C-3E8F-4DD8-A4DAA92E3744}"/>
          </ac:spMkLst>
        </pc:spChg>
      </pc:sldChg>
      <pc:sldChg chg="modSp">
        <pc:chgData name="Silvia Chan" userId="455a070d-940c-4368-bfe1-1d4b72fc45c7" providerId="ADAL" clId="{34CAAA9D-C42A-4312-A56F-B3DA73A4D245}" dt="2023-02-28T07:35:15.674" v="43" actId="20577"/>
        <pc:sldMkLst>
          <pc:docMk/>
          <pc:sldMk cId="969855982" sldId="3890"/>
        </pc:sldMkLst>
        <pc:spChg chg="mod">
          <ac:chgData name="Silvia Chan" userId="455a070d-940c-4368-bfe1-1d4b72fc45c7" providerId="ADAL" clId="{34CAAA9D-C42A-4312-A56F-B3DA73A4D245}" dt="2023-02-28T07:35:15.674" v="43" actId="20577"/>
          <ac:spMkLst>
            <pc:docMk/>
            <pc:sldMk cId="969855982" sldId="3890"/>
            <ac:spMk id="7" creationId="{C671DA6F-AFCE-C161-378E-2F049F61D472}"/>
          </ac:spMkLst>
        </pc:spChg>
      </pc:sldChg>
      <pc:sldChg chg="delSp modSp add mod delAnim modAnim">
        <pc:chgData name="Silvia Chan" userId="455a070d-940c-4368-bfe1-1d4b72fc45c7" providerId="ADAL" clId="{34CAAA9D-C42A-4312-A56F-B3DA73A4D245}" dt="2023-02-28T07:29:44.122" v="39"/>
        <pc:sldMkLst>
          <pc:docMk/>
          <pc:sldMk cId="1508130954" sldId="3906"/>
        </pc:sldMkLst>
        <pc:grpChg chg="del">
          <ac:chgData name="Silvia Chan" userId="455a070d-940c-4368-bfe1-1d4b72fc45c7" providerId="ADAL" clId="{34CAAA9D-C42A-4312-A56F-B3DA73A4D245}" dt="2023-02-28T07:26:57.449" v="15" actId="478"/>
          <ac:grpSpMkLst>
            <pc:docMk/>
            <pc:sldMk cId="1508130954" sldId="3906"/>
            <ac:grpSpMk id="21" creationId="{B6AC1D8B-BCB0-4C9C-8A65-EC8571DDC538}"/>
          </ac:grpSpMkLst>
        </pc:grpChg>
        <pc:grpChg chg="ord">
          <ac:chgData name="Silvia Chan" userId="455a070d-940c-4368-bfe1-1d4b72fc45c7" providerId="ADAL" clId="{34CAAA9D-C42A-4312-A56F-B3DA73A4D245}" dt="2023-02-28T07:26:55.702" v="14" actId="167"/>
          <ac:grpSpMkLst>
            <pc:docMk/>
            <pc:sldMk cId="1508130954" sldId="3906"/>
            <ac:grpSpMk id="26" creationId="{72D3AEF5-8B26-2D70-2B4A-8C4BEE0038AF}"/>
          </ac:grpSpMkLst>
        </pc:grpChg>
        <pc:grpChg chg="del">
          <ac:chgData name="Silvia Chan" userId="455a070d-940c-4368-bfe1-1d4b72fc45c7" providerId="ADAL" clId="{34CAAA9D-C42A-4312-A56F-B3DA73A4D245}" dt="2023-02-28T07:26:50.681" v="12" actId="478"/>
          <ac:grpSpMkLst>
            <pc:docMk/>
            <pc:sldMk cId="1508130954" sldId="3906"/>
            <ac:grpSpMk id="27" creationId="{4F4F1BC8-6FF5-4D20-0901-48562DC46961}"/>
          </ac:grpSpMkLst>
        </pc:grpChg>
        <pc:picChg chg="del">
          <ac:chgData name="Silvia Chan" userId="455a070d-940c-4368-bfe1-1d4b72fc45c7" providerId="ADAL" clId="{34CAAA9D-C42A-4312-A56F-B3DA73A4D245}" dt="2023-02-28T07:27:01.552" v="17" actId="478"/>
          <ac:picMkLst>
            <pc:docMk/>
            <pc:sldMk cId="1508130954" sldId="3906"/>
            <ac:picMk id="12" creationId="{B3E07EE2-4337-58D5-1A44-C8E41E48C751}"/>
          </ac:picMkLst>
        </pc:picChg>
        <pc:picChg chg="del">
          <ac:chgData name="Silvia Chan" userId="455a070d-940c-4368-bfe1-1d4b72fc45c7" providerId="ADAL" clId="{34CAAA9D-C42A-4312-A56F-B3DA73A4D245}" dt="2023-02-28T07:26:51.556" v="13" actId="478"/>
          <ac:picMkLst>
            <pc:docMk/>
            <pc:sldMk cId="1508130954" sldId="3906"/>
            <ac:picMk id="19" creationId="{778E1F61-A008-99A6-6198-780819FC6ADF}"/>
          </ac:picMkLst>
        </pc:picChg>
        <pc:picChg chg="ord">
          <ac:chgData name="Silvia Chan" userId="455a070d-940c-4368-bfe1-1d4b72fc45c7" providerId="ADAL" clId="{34CAAA9D-C42A-4312-A56F-B3DA73A4D245}" dt="2023-02-28T07:26:59.855" v="16" actId="167"/>
          <ac:picMkLst>
            <pc:docMk/>
            <pc:sldMk cId="1508130954" sldId="3906"/>
            <ac:picMk id="20" creationId="{85D50BA0-7F95-1623-9FC4-09F269D4DC52}"/>
          </ac:picMkLst>
        </pc:picChg>
        <pc:picChg chg="del">
          <ac:chgData name="Silvia Chan" userId="455a070d-940c-4368-bfe1-1d4b72fc45c7" providerId="ADAL" clId="{34CAAA9D-C42A-4312-A56F-B3DA73A4D245}" dt="2023-02-28T07:27:08.127" v="20" actId="478"/>
          <ac:picMkLst>
            <pc:docMk/>
            <pc:sldMk cId="1508130954" sldId="3906"/>
            <ac:picMk id="28" creationId="{89E788E4-EE38-2EA2-B4EA-FCC88F102EAA}"/>
          </ac:picMkLst>
        </pc:picChg>
        <pc:picChg chg="del">
          <ac:chgData name="Silvia Chan" userId="455a070d-940c-4368-bfe1-1d4b72fc45c7" providerId="ADAL" clId="{34CAAA9D-C42A-4312-A56F-B3DA73A4D245}" dt="2023-02-28T07:27:06.575" v="18" actId="478"/>
          <ac:picMkLst>
            <pc:docMk/>
            <pc:sldMk cId="1508130954" sldId="3906"/>
            <ac:picMk id="29" creationId="{E6802A3B-4EF0-962A-D51E-497D42A62E9C}"/>
          </ac:picMkLst>
        </pc:picChg>
        <pc:picChg chg="del">
          <ac:chgData name="Silvia Chan" userId="455a070d-940c-4368-bfe1-1d4b72fc45c7" providerId="ADAL" clId="{34CAAA9D-C42A-4312-A56F-B3DA73A4D245}" dt="2023-02-28T07:27:07.347" v="19" actId="478"/>
          <ac:picMkLst>
            <pc:docMk/>
            <pc:sldMk cId="1508130954" sldId="3906"/>
            <ac:picMk id="30" creationId="{6E07EAD2-F450-7700-4DD2-2D2DAE85F4B8}"/>
          </ac:picMkLst>
        </pc:picChg>
      </pc:sldChg>
      <pc:sldChg chg="delSp modSp add mod delAnim modAnim">
        <pc:chgData name="Silvia Chan" userId="455a070d-940c-4368-bfe1-1d4b72fc45c7" providerId="ADAL" clId="{34CAAA9D-C42A-4312-A56F-B3DA73A4D245}" dt="2023-02-28T07:29:48.330" v="40"/>
        <pc:sldMkLst>
          <pc:docMk/>
          <pc:sldMk cId="2301809928" sldId="3907"/>
        </pc:sldMkLst>
        <pc:grpChg chg="del">
          <ac:chgData name="Silvia Chan" userId="455a070d-940c-4368-bfe1-1d4b72fc45c7" providerId="ADAL" clId="{34CAAA9D-C42A-4312-A56F-B3DA73A4D245}" dt="2023-02-28T07:27:41.137" v="25" actId="478"/>
          <ac:grpSpMkLst>
            <pc:docMk/>
            <pc:sldMk cId="2301809928" sldId="3907"/>
            <ac:grpSpMk id="21" creationId="{B6AC1D8B-BCB0-4C9C-8A65-EC8571DDC538}"/>
          </ac:grpSpMkLst>
        </pc:grpChg>
        <pc:grpChg chg="del">
          <ac:chgData name="Silvia Chan" userId="455a070d-940c-4368-bfe1-1d4b72fc45c7" providerId="ADAL" clId="{34CAAA9D-C42A-4312-A56F-B3DA73A4D245}" dt="2023-02-28T07:27:39.942" v="24" actId="478"/>
          <ac:grpSpMkLst>
            <pc:docMk/>
            <pc:sldMk cId="2301809928" sldId="3907"/>
            <ac:grpSpMk id="26" creationId="{72D3AEF5-8B26-2D70-2B4A-8C4BEE0038AF}"/>
          </ac:grpSpMkLst>
        </pc:grpChg>
        <pc:grpChg chg="ord">
          <ac:chgData name="Silvia Chan" userId="455a070d-940c-4368-bfe1-1d4b72fc45c7" providerId="ADAL" clId="{34CAAA9D-C42A-4312-A56F-B3DA73A4D245}" dt="2023-02-28T07:27:37.563" v="23" actId="167"/>
          <ac:grpSpMkLst>
            <pc:docMk/>
            <pc:sldMk cId="2301809928" sldId="3907"/>
            <ac:grpSpMk id="27" creationId="{4F4F1BC8-6FF5-4D20-0901-48562DC46961}"/>
          </ac:grpSpMkLst>
        </pc:grpChg>
        <pc:picChg chg="del">
          <ac:chgData name="Silvia Chan" userId="455a070d-940c-4368-bfe1-1d4b72fc45c7" providerId="ADAL" clId="{34CAAA9D-C42A-4312-A56F-B3DA73A4D245}" dt="2023-02-28T07:27:44.918" v="28" actId="478"/>
          <ac:picMkLst>
            <pc:docMk/>
            <pc:sldMk cId="2301809928" sldId="3907"/>
            <ac:picMk id="12" creationId="{B3E07EE2-4337-58D5-1A44-C8E41E48C751}"/>
          </ac:picMkLst>
        </pc:picChg>
        <pc:picChg chg="del">
          <ac:chgData name="Silvia Chan" userId="455a070d-940c-4368-bfe1-1d4b72fc45c7" providerId="ADAL" clId="{34CAAA9D-C42A-4312-A56F-B3DA73A4D245}" dt="2023-02-28T07:27:59.352" v="30" actId="478"/>
          <ac:picMkLst>
            <pc:docMk/>
            <pc:sldMk cId="2301809928" sldId="3907"/>
            <ac:picMk id="15" creationId="{7B83A870-A05C-E75C-01F8-196486FC84AB}"/>
          </ac:picMkLst>
        </pc:picChg>
        <pc:picChg chg="ord">
          <ac:chgData name="Silvia Chan" userId="455a070d-940c-4368-bfe1-1d4b72fc45c7" providerId="ADAL" clId="{34CAAA9D-C42A-4312-A56F-B3DA73A4D245}" dt="2023-02-28T07:27:43.131" v="26" actId="167"/>
          <ac:picMkLst>
            <pc:docMk/>
            <pc:sldMk cId="2301809928" sldId="3907"/>
            <ac:picMk id="19" creationId="{778E1F61-A008-99A6-6198-780819FC6ADF}"/>
          </ac:picMkLst>
        </pc:picChg>
        <pc:picChg chg="del">
          <ac:chgData name="Silvia Chan" userId="455a070d-940c-4368-bfe1-1d4b72fc45c7" providerId="ADAL" clId="{34CAAA9D-C42A-4312-A56F-B3DA73A4D245}" dt="2023-02-28T07:27:44.263" v="27" actId="478"/>
          <ac:picMkLst>
            <pc:docMk/>
            <pc:sldMk cId="2301809928" sldId="3907"/>
            <ac:picMk id="20" creationId="{85D50BA0-7F95-1623-9FC4-09F269D4DC52}"/>
          </ac:picMkLst>
        </pc:picChg>
        <pc:picChg chg="del">
          <ac:chgData name="Silvia Chan" userId="455a070d-940c-4368-bfe1-1d4b72fc45c7" providerId="ADAL" clId="{34CAAA9D-C42A-4312-A56F-B3DA73A4D245}" dt="2023-02-28T07:28:00.561" v="31" actId="478"/>
          <ac:picMkLst>
            <pc:docMk/>
            <pc:sldMk cId="2301809928" sldId="3907"/>
            <ac:picMk id="28" creationId="{89E788E4-EE38-2EA2-B4EA-FCC88F102EAA}"/>
          </ac:picMkLst>
        </pc:picChg>
        <pc:picChg chg="del">
          <ac:chgData name="Silvia Chan" userId="455a070d-940c-4368-bfe1-1d4b72fc45c7" providerId="ADAL" clId="{34CAAA9D-C42A-4312-A56F-B3DA73A4D245}" dt="2023-02-28T07:27:58.152" v="29" actId="478"/>
          <ac:picMkLst>
            <pc:docMk/>
            <pc:sldMk cId="2301809928" sldId="3907"/>
            <ac:picMk id="29" creationId="{E6802A3B-4EF0-962A-D51E-497D42A62E9C}"/>
          </ac:picMkLst>
        </pc:picChg>
      </pc:sldChg>
    </pc:docChg>
  </pc:docChgLst>
  <pc:docChgLst>
    <pc:chgData name="Grace Chow" userId="S::grace.chow@pearson.com::7200caeb-4733-49f2-84af-0f8924b70767" providerId="AD" clId="Web-{E5BCDE52-CA3C-71D4-3C40-C73A12E96BD1}"/>
    <pc:docChg chg="">
      <pc:chgData name="Grace Chow" userId="S::grace.chow@pearson.com::7200caeb-4733-49f2-84af-0f8924b70767" providerId="AD" clId="Web-{E5BCDE52-CA3C-71D4-3C40-C73A12E96BD1}" dt="2023-02-06T06:02:22.220" v="0"/>
      <pc:docMkLst>
        <pc:docMk/>
      </pc:docMkLst>
      <pc:sldChg chg="modCm">
        <pc:chgData name="Grace Chow" userId="S::grace.chow@pearson.com::7200caeb-4733-49f2-84af-0f8924b70767" providerId="AD" clId="Web-{E5BCDE52-CA3C-71D4-3C40-C73A12E96BD1}" dt="2023-02-06T06:02:22.220" v="0"/>
        <pc:sldMkLst>
          <pc:docMk/>
          <pc:sldMk cId="4029369689" sldId="3900"/>
        </pc:sldMkLst>
      </pc:sldChg>
    </pc:docChg>
  </pc:docChgLst>
  <pc:docChgLst>
    <pc:chgData name="Jennifer Lee" userId="S::jennifer.lee@pearson.com::24ebb4fb-4b96-4290-aed4-aec35bbea96c" providerId="AD" clId="Web-{EC29C805-80D4-527B-CE0C-49C6A89336E6}"/>
    <pc:docChg chg="mod">
      <pc:chgData name="Jennifer Lee" userId="S::jennifer.lee@pearson.com::24ebb4fb-4b96-4290-aed4-aec35bbea96c" providerId="AD" clId="Web-{EC29C805-80D4-527B-CE0C-49C6A89336E6}" dt="2023-02-06T05:14:19.531" v="1"/>
      <pc:docMkLst>
        <pc:docMk/>
      </pc:docMkLst>
      <pc:sldChg chg="modCm">
        <pc:chgData name="Jennifer Lee" userId="S::jennifer.lee@pearson.com::24ebb4fb-4b96-4290-aed4-aec35bbea96c" providerId="AD" clId="Web-{EC29C805-80D4-527B-CE0C-49C6A89336E6}" dt="2023-02-06T05:14:19.531" v="1"/>
        <pc:sldMkLst>
          <pc:docMk/>
          <pc:sldMk cId="4029369689" sldId="3900"/>
        </pc:sldMkLst>
      </pc:sldChg>
    </pc:docChg>
  </pc:docChgLst>
  <pc:docChgLst>
    <pc:chgData name="Jennifer Lee" userId="24ebb4fb-4b96-4290-aed4-aec35bbea96c" providerId="ADAL" clId="{66890B34-CF29-4857-8557-5FF7F4348841}"/>
    <pc:docChg chg="custSel modSld">
      <pc:chgData name="Jennifer Lee" userId="24ebb4fb-4b96-4290-aed4-aec35bbea96c" providerId="ADAL" clId="{66890B34-CF29-4857-8557-5FF7F4348841}" dt="2023-02-06T01:51:44.133" v="4" actId="478"/>
      <pc:docMkLst>
        <pc:docMk/>
      </pc:docMkLst>
      <pc:sldChg chg="delSp modSp mod">
        <pc:chgData name="Jennifer Lee" userId="24ebb4fb-4b96-4290-aed4-aec35bbea96c" providerId="ADAL" clId="{66890B34-CF29-4857-8557-5FF7F4348841}" dt="2023-02-06T01:51:44.133" v="4" actId="478"/>
        <pc:sldMkLst>
          <pc:docMk/>
          <pc:sldMk cId="1052536141" sldId="3834"/>
        </pc:sldMkLst>
        <pc:spChg chg="del">
          <ac:chgData name="Jennifer Lee" userId="24ebb4fb-4b96-4290-aed4-aec35bbea96c" providerId="ADAL" clId="{66890B34-CF29-4857-8557-5FF7F4348841}" dt="2023-02-06T01:51:44.133" v="4" actId="478"/>
          <ac:spMkLst>
            <pc:docMk/>
            <pc:sldMk cId="1052536141" sldId="3834"/>
            <ac:spMk id="2" creationId="{3D62E445-FFC1-95C7-ABB7-047E70B6C651}"/>
          </ac:spMkLst>
        </pc:spChg>
        <pc:spChg chg="mod">
          <ac:chgData name="Jennifer Lee" userId="24ebb4fb-4b96-4290-aed4-aec35bbea96c" providerId="ADAL" clId="{66890B34-CF29-4857-8557-5FF7F4348841}" dt="2023-02-06T01:51:40.757" v="3"/>
          <ac:spMkLst>
            <pc:docMk/>
            <pc:sldMk cId="1052536141" sldId="3834"/>
            <ac:spMk id="7" creationId="{3F8476B1-807A-4A8D-A7ED-2778C676755F}"/>
          </ac:spMkLst>
        </pc:sp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C7BA811-8917-4F1D-B22F-E96045BFA4E0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40C6A29-4676-420C-BBE3-ACC2B80F64D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0459704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734326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7932647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5220941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092266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6001467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4364935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03889894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45676384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88298169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5237158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1537664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4344912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5792780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63594035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0875776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2584697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55931242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27154634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19987272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05203804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93764786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2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643393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46066189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3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16983540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3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31919635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3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8723117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3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0842004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407396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6502724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267201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8394434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0262951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40C6A29-4676-420C-BBE3-ACC2B80F64D4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9093896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252876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4441073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306594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42723978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25634946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8956543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77388541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53884941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77512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51995120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702725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A cover slide templat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Flowchart: Manual Input 23">
            <a:extLst>
              <a:ext uri="{FF2B5EF4-FFF2-40B4-BE49-F238E27FC236}">
                <a16:creationId xmlns:a16="http://schemas.microsoft.com/office/drawing/2014/main" id="{653143D5-DB55-47E0-82C4-112C17995C6B}"/>
              </a:ext>
            </a:extLst>
          </p:cNvPr>
          <p:cNvSpPr/>
          <p:nvPr userDrawn="1"/>
        </p:nvSpPr>
        <p:spPr>
          <a:xfrm flipH="1" flipV="1">
            <a:off x="0" y="0"/>
            <a:ext cx="12192000" cy="2516056"/>
          </a:xfrm>
          <a:custGeom>
            <a:avLst/>
            <a:gdLst>
              <a:gd name="connsiteX0" fmla="*/ 0 w 10000"/>
              <a:gd name="connsiteY0" fmla="*/ 2000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2000 h 10000"/>
              <a:gd name="connsiteX0" fmla="*/ 0 w 10000"/>
              <a:gd name="connsiteY0" fmla="*/ 4721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4721 h 10000"/>
              <a:gd name="connsiteX0" fmla="*/ 0 w 10000"/>
              <a:gd name="connsiteY0" fmla="*/ 6353 h 11632"/>
              <a:gd name="connsiteX1" fmla="*/ 10000 w 10000"/>
              <a:gd name="connsiteY1" fmla="*/ 0 h 11632"/>
              <a:gd name="connsiteX2" fmla="*/ 10000 w 10000"/>
              <a:gd name="connsiteY2" fmla="*/ 11632 h 11632"/>
              <a:gd name="connsiteX3" fmla="*/ 0 w 10000"/>
              <a:gd name="connsiteY3" fmla="*/ 11632 h 11632"/>
              <a:gd name="connsiteX4" fmla="*/ 0 w 10000"/>
              <a:gd name="connsiteY4" fmla="*/ 6353 h 1163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00" h="11632">
                <a:moveTo>
                  <a:pt x="0" y="6353"/>
                </a:moveTo>
                <a:lnTo>
                  <a:pt x="10000" y="0"/>
                </a:lnTo>
                <a:lnTo>
                  <a:pt x="10000" y="11632"/>
                </a:lnTo>
                <a:lnTo>
                  <a:pt x="0" y="11632"/>
                </a:lnTo>
                <a:lnTo>
                  <a:pt x="0" y="6353"/>
                </a:lnTo>
                <a:close/>
              </a:path>
            </a:pathLst>
          </a:custGeom>
          <a:solidFill>
            <a:srgbClr val="C4003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Rectangle: Rounded Corners 20">
            <a:extLst>
              <a:ext uri="{FF2B5EF4-FFF2-40B4-BE49-F238E27FC236}">
                <a16:creationId xmlns:a16="http://schemas.microsoft.com/office/drawing/2014/main" id="{934DDA62-9765-42F7-84B0-C523B382B036}"/>
              </a:ext>
            </a:extLst>
          </p:cNvPr>
          <p:cNvSpPr/>
          <p:nvPr/>
        </p:nvSpPr>
        <p:spPr>
          <a:xfrm>
            <a:off x="3216113" y="2561024"/>
            <a:ext cx="5988373" cy="2333871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B6FD40E0-3342-4FCC-970F-B9D78C88EF9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479235" y="178249"/>
            <a:ext cx="4254557" cy="2516056"/>
          </a:xfrm>
          <a:prstGeom prst="rect">
            <a:avLst/>
          </a:prstGeom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476659CE-101E-4D51-A28F-F758FE655E18}"/>
              </a:ext>
            </a:extLst>
          </p:cNvPr>
          <p:cNvGrpSpPr/>
          <p:nvPr userDrawn="1"/>
        </p:nvGrpSpPr>
        <p:grpSpPr>
          <a:xfrm>
            <a:off x="10503027" y="5708396"/>
            <a:ext cx="2102068" cy="1155700"/>
            <a:chOff x="10490327" y="5041900"/>
            <a:chExt cx="2102068" cy="1155700"/>
          </a:xfrm>
        </p:grpSpPr>
        <p:sp>
          <p:nvSpPr>
            <p:cNvPr id="15" name="Flowchart: Manual Input 14">
              <a:extLst>
                <a:ext uri="{FF2B5EF4-FFF2-40B4-BE49-F238E27FC236}">
                  <a16:creationId xmlns:a16="http://schemas.microsoft.com/office/drawing/2014/main" id="{B6C7CDD0-B907-491C-982B-6272B9C9B44C}"/>
                </a:ext>
              </a:extLst>
            </p:cNvPr>
            <p:cNvSpPr/>
            <p:nvPr userDrawn="1"/>
          </p:nvSpPr>
          <p:spPr>
            <a:xfrm>
              <a:off x="10892191" y="5137150"/>
              <a:ext cx="1196740" cy="1054100"/>
            </a:xfrm>
            <a:prstGeom prst="flowChartManualInput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Flowchart: Manual Input 16">
              <a:extLst>
                <a:ext uri="{FF2B5EF4-FFF2-40B4-BE49-F238E27FC236}">
                  <a16:creationId xmlns:a16="http://schemas.microsoft.com/office/drawing/2014/main" id="{C90E3381-1674-432E-B138-63033D7A0958}"/>
                </a:ext>
              </a:extLst>
            </p:cNvPr>
            <p:cNvSpPr/>
            <p:nvPr userDrawn="1"/>
          </p:nvSpPr>
          <p:spPr>
            <a:xfrm>
              <a:off x="10995260" y="5041900"/>
              <a:ext cx="1196740" cy="1149350"/>
            </a:xfrm>
            <a:prstGeom prst="flowChartManualInput">
              <a:avLst/>
            </a:prstGeom>
            <a:solidFill>
              <a:srgbClr val="C4003C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89B7E766-EBF0-4BCB-96EB-0CC121019557}"/>
                </a:ext>
              </a:extLst>
            </p:cNvPr>
            <p:cNvSpPr txBox="1"/>
            <p:nvPr userDrawn="1"/>
          </p:nvSpPr>
          <p:spPr>
            <a:xfrm>
              <a:off x="10490327" y="5274270"/>
              <a:ext cx="210206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540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1A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56715550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B cover slide templat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Flowchart: Manual Input 23">
            <a:extLst>
              <a:ext uri="{FF2B5EF4-FFF2-40B4-BE49-F238E27FC236}">
                <a16:creationId xmlns:a16="http://schemas.microsoft.com/office/drawing/2014/main" id="{653143D5-DB55-47E0-82C4-112C17995C6B}"/>
              </a:ext>
            </a:extLst>
          </p:cNvPr>
          <p:cNvSpPr/>
          <p:nvPr userDrawn="1"/>
        </p:nvSpPr>
        <p:spPr>
          <a:xfrm flipH="1" flipV="1">
            <a:off x="0" y="0"/>
            <a:ext cx="12192000" cy="2516056"/>
          </a:xfrm>
          <a:custGeom>
            <a:avLst/>
            <a:gdLst>
              <a:gd name="connsiteX0" fmla="*/ 0 w 10000"/>
              <a:gd name="connsiteY0" fmla="*/ 2000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2000 h 10000"/>
              <a:gd name="connsiteX0" fmla="*/ 0 w 10000"/>
              <a:gd name="connsiteY0" fmla="*/ 4721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4721 h 10000"/>
              <a:gd name="connsiteX0" fmla="*/ 0 w 10000"/>
              <a:gd name="connsiteY0" fmla="*/ 6353 h 11632"/>
              <a:gd name="connsiteX1" fmla="*/ 10000 w 10000"/>
              <a:gd name="connsiteY1" fmla="*/ 0 h 11632"/>
              <a:gd name="connsiteX2" fmla="*/ 10000 w 10000"/>
              <a:gd name="connsiteY2" fmla="*/ 11632 h 11632"/>
              <a:gd name="connsiteX3" fmla="*/ 0 w 10000"/>
              <a:gd name="connsiteY3" fmla="*/ 11632 h 11632"/>
              <a:gd name="connsiteX4" fmla="*/ 0 w 10000"/>
              <a:gd name="connsiteY4" fmla="*/ 6353 h 1163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00" h="11632">
                <a:moveTo>
                  <a:pt x="0" y="6353"/>
                </a:moveTo>
                <a:lnTo>
                  <a:pt x="10000" y="0"/>
                </a:lnTo>
                <a:lnTo>
                  <a:pt x="10000" y="11632"/>
                </a:lnTo>
                <a:lnTo>
                  <a:pt x="0" y="11632"/>
                </a:lnTo>
                <a:lnTo>
                  <a:pt x="0" y="6353"/>
                </a:lnTo>
                <a:close/>
              </a:path>
            </a:pathLst>
          </a:custGeom>
          <a:solidFill>
            <a:srgbClr val="14A0D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" name="Picture 9" descr="A picture containing text, parking, scoreboard, several&#10;&#10;Description automatically generated">
            <a:extLst>
              <a:ext uri="{FF2B5EF4-FFF2-40B4-BE49-F238E27FC236}">
                <a16:creationId xmlns:a16="http://schemas.microsoft.com/office/drawing/2014/main" id="{B6FD40E0-3342-4FCC-970F-B9D78C88EF9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479235" y="147769"/>
            <a:ext cx="4254557" cy="2516056"/>
          </a:xfrm>
          <a:prstGeom prst="rect">
            <a:avLst/>
          </a:prstGeom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476659CE-101E-4D51-A28F-F758FE655E18}"/>
              </a:ext>
            </a:extLst>
          </p:cNvPr>
          <p:cNvGrpSpPr/>
          <p:nvPr userDrawn="1"/>
        </p:nvGrpSpPr>
        <p:grpSpPr>
          <a:xfrm>
            <a:off x="10503027" y="5702300"/>
            <a:ext cx="2102068" cy="1155700"/>
            <a:chOff x="10490327" y="5041900"/>
            <a:chExt cx="2102068" cy="1155700"/>
          </a:xfrm>
        </p:grpSpPr>
        <p:sp>
          <p:nvSpPr>
            <p:cNvPr id="15" name="Flowchart: Manual Input 14">
              <a:extLst>
                <a:ext uri="{FF2B5EF4-FFF2-40B4-BE49-F238E27FC236}">
                  <a16:creationId xmlns:a16="http://schemas.microsoft.com/office/drawing/2014/main" id="{B6C7CDD0-B907-491C-982B-6272B9C9B44C}"/>
                </a:ext>
              </a:extLst>
            </p:cNvPr>
            <p:cNvSpPr/>
            <p:nvPr userDrawn="1"/>
          </p:nvSpPr>
          <p:spPr>
            <a:xfrm>
              <a:off x="10892191" y="5137150"/>
              <a:ext cx="1196740" cy="1054100"/>
            </a:xfrm>
            <a:prstGeom prst="flowChartManualInput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Flowchart: Manual Input 16">
              <a:extLst>
                <a:ext uri="{FF2B5EF4-FFF2-40B4-BE49-F238E27FC236}">
                  <a16:creationId xmlns:a16="http://schemas.microsoft.com/office/drawing/2014/main" id="{C90E3381-1674-432E-B138-63033D7A0958}"/>
                </a:ext>
              </a:extLst>
            </p:cNvPr>
            <p:cNvSpPr/>
            <p:nvPr userDrawn="1"/>
          </p:nvSpPr>
          <p:spPr>
            <a:xfrm>
              <a:off x="10995260" y="5041900"/>
              <a:ext cx="1196740" cy="1149350"/>
            </a:xfrm>
            <a:prstGeom prst="flowChartManualInput">
              <a:avLst/>
            </a:prstGeom>
            <a:solidFill>
              <a:srgbClr val="0087C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89B7E766-EBF0-4BCB-96EB-0CC121019557}"/>
                </a:ext>
              </a:extLst>
            </p:cNvPr>
            <p:cNvSpPr txBox="1"/>
            <p:nvPr userDrawn="1"/>
          </p:nvSpPr>
          <p:spPr>
            <a:xfrm>
              <a:off x="10490327" y="5274270"/>
              <a:ext cx="210206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540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1B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76760749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A cover slide templat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Flowchart: Manual Input 23">
            <a:extLst>
              <a:ext uri="{FF2B5EF4-FFF2-40B4-BE49-F238E27FC236}">
                <a16:creationId xmlns:a16="http://schemas.microsoft.com/office/drawing/2014/main" id="{653143D5-DB55-47E0-82C4-112C17995C6B}"/>
              </a:ext>
            </a:extLst>
          </p:cNvPr>
          <p:cNvSpPr/>
          <p:nvPr userDrawn="1"/>
        </p:nvSpPr>
        <p:spPr>
          <a:xfrm flipH="1" flipV="1">
            <a:off x="0" y="0"/>
            <a:ext cx="12192000" cy="2516056"/>
          </a:xfrm>
          <a:custGeom>
            <a:avLst/>
            <a:gdLst>
              <a:gd name="connsiteX0" fmla="*/ 0 w 10000"/>
              <a:gd name="connsiteY0" fmla="*/ 2000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2000 h 10000"/>
              <a:gd name="connsiteX0" fmla="*/ 0 w 10000"/>
              <a:gd name="connsiteY0" fmla="*/ 4721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4721 h 10000"/>
              <a:gd name="connsiteX0" fmla="*/ 0 w 10000"/>
              <a:gd name="connsiteY0" fmla="*/ 6353 h 11632"/>
              <a:gd name="connsiteX1" fmla="*/ 10000 w 10000"/>
              <a:gd name="connsiteY1" fmla="*/ 0 h 11632"/>
              <a:gd name="connsiteX2" fmla="*/ 10000 w 10000"/>
              <a:gd name="connsiteY2" fmla="*/ 11632 h 11632"/>
              <a:gd name="connsiteX3" fmla="*/ 0 w 10000"/>
              <a:gd name="connsiteY3" fmla="*/ 11632 h 11632"/>
              <a:gd name="connsiteX4" fmla="*/ 0 w 10000"/>
              <a:gd name="connsiteY4" fmla="*/ 6353 h 1163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00" h="11632">
                <a:moveTo>
                  <a:pt x="0" y="6353"/>
                </a:moveTo>
                <a:lnTo>
                  <a:pt x="10000" y="0"/>
                </a:lnTo>
                <a:lnTo>
                  <a:pt x="10000" y="11632"/>
                </a:lnTo>
                <a:lnTo>
                  <a:pt x="0" y="11632"/>
                </a:lnTo>
                <a:lnTo>
                  <a:pt x="0" y="6353"/>
                </a:lnTo>
                <a:close/>
              </a:path>
            </a:pathLst>
          </a:custGeom>
          <a:solidFill>
            <a:srgbClr val="93B93B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Rectangle: Rounded Corners 20">
            <a:extLst>
              <a:ext uri="{FF2B5EF4-FFF2-40B4-BE49-F238E27FC236}">
                <a16:creationId xmlns:a16="http://schemas.microsoft.com/office/drawing/2014/main" id="{934DDA62-9765-42F7-84B0-C523B382B036}"/>
              </a:ext>
            </a:extLst>
          </p:cNvPr>
          <p:cNvSpPr/>
          <p:nvPr/>
        </p:nvSpPr>
        <p:spPr>
          <a:xfrm>
            <a:off x="3216113" y="2561024"/>
            <a:ext cx="5988373" cy="2333871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B6FD40E0-3342-4FCC-970F-B9D78C88EF9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479235" y="147769"/>
            <a:ext cx="4254557" cy="2516056"/>
          </a:xfrm>
          <a:prstGeom prst="rect">
            <a:avLst/>
          </a:prstGeom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476659CE-101E-4D51-A28F-F758FE655E18}"/>
              </a:ext>
            </a:extLst>
          </p:cNvPr>
          <p:cNvGrpSpPr/>
          <p:nvPr userDrawn="1"/>
        </p:nvGrpSpPr>
        <p:grpSpPr>
          <a:xfrm>
            <a:off x="10576179" y="5708396"/>
            <a:ext cx="2102068" cy="1155700"/>
            <a:chOff x="10563479" y="5041900"/>
            <a:chExt cx="2102068" cy="1155700"/>
          </a:xfrm>
        </p:grpSpPr>
        <p:sp>
          <p:nvSpPr>
            <p:cNvPr id="15" name="Flowchart: Manual Input 14">
              <a:extLst>
                <a:ext uri="{FF2B5EF4-FFF2-40B4-BE49-F238E27FC236}">
                  <a16:creationId xmlns:a16="http://schemas.microsoft.com/office/drawing/2014/main" id="{B6C7CDD0-B907-491C-982B-6272B9C9B44C}"/>
                </a:ext>
              </a:extLst>
            </p:cNvPr>
            <p:cNvSpPr/>
            <p:nvPr userDrawn="1"/>
          </p:nvSpPr>
          <p:spPr>
            <a:xfrm>
              <a:off x="10892191" y="5137150"/>
              <a:ext cx="1196740" cy="1054100"/>
            </a:xfrm>
            <a:prstGeom prst="flowChartManualInput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Flowchart: Manual Input 16">
              <a:extLst>
                <a:ext uri="{FF2B5EF4-FFF2-40B4-BE49-F238E27FC236}">
                  <a16:creationId xmlns:a16="http://schemas.microsoft.com/office/drawing/2014/main" id="{C90E3381-1674-432E-B138-63033D7A0958}"/>
                </a:ext>
              </a:extLst>
            </p:cNvPr>
            <p:cNvSpPr/>
            <p:nvPr userDrawn="1"/>
          </p:nvSpPr>
          <p:spPr>
            <a:xfrm>
              <a:off x="10995260" y="5041900"/>
              <a:ext cx="1196740" cy="1149350"/>
            </a:xfrm>
            <a:prstGeom prst="flowChartManualInput">
              <a:avLst/>
            </a:prstGeom>
            <a:solidFill>
              <a:srgbClr val="93B93B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89B7E766-EBF0-4BCB-96EB-0CC121019557}"/>
                </a:ext>
              </a:extLst>
            </p:cNvPr>
            <p:cNvSpPr txBox="1"/>
            <p:nvPr userDrawn="1"/>
          </p:nvSpPr>
          <p:spPr>
            <a:xfrm>
              <a:off x="10563479" y="5274270"/>
              <a:ext cx="210206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540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2A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4370332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B cover slide templat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Flowchart: Manual Input 23">
            <a:extLst>
              <a:ext uri="{FF2B5EF4-FFF2-40B4-BE49-F238E27FC236}">
                <a16:creationId xmlns:a16="http://schemas.microsoft.com/office/drawing/2014/main" id="{653143D5-DB55-47E0-82C4-112C17995C6B}"/>
              </a:ext>
            </a:extLst>
          </p:cNvPr>
          <p:cNvSpPr/>
          <p:nvPr userDrawn="1"/>
        </p:nvSpPr>
        <p:spPr>
          <a:xfrm flipH="1" flipV="1">
            <a:off x="0" y="0"/>
            <a:ext cx="12192000" cy="2516056"/>
          </a:xfrm>
          <a:custGeom>
            <a:avLst/>
            <a:gdLst>
              <a:gd name="connsiteX0" fmla="*/ 0 w 10000"/>
              <a:gd name="connsiteY0" fmla="*/ 2000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2000 h 10000"/>
              <a:gd name="connsiteX0" fmla="*/ 0 w 10000"/>
              <a:gd name="connsiteY0" fmla="*/ 4721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4721 h 10000"/>
              <a:gd name="connsiteX0" fmla="*/ 0 w 10000"/>
              <a:gd name="connsiteY0" fmla="*/ 6353 h 11632"/>
              <a:gd name="connsiteX1" fmla="*/ 10000 w 10000"/>
              <a:gd name="connsiteY1" fmla="*/ 0 h 11632"/>
              <a:gd name="connsiteX2" fmla="*/ 10000 w 10000"/>
              <a:gd name="connsiteY2" fmla="*/ 11632 h 11632"/>
              <a:gd name="connsiteX3" fmla="*/ 0 w 10000"/>
              <a:gd name="connsiteY3" fmla="*/ 11632 h 11632"/>
              <a:gd name="connsiteX4" fmla="*/ 0 w 10000"/>
              <a:gd name="connsiteY4" fmla="*/ 6353 h 1163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00" h="11632">
                <a:moveTo>
                  <a:pt x="0" y="6353"/>
                </a:moveTo>
                <a:lnTo>
                  <a:pt x="10000" y="0"/>
                </a:lnTo>
                <a:lnTo>
                  <a:pt x="10000" y="11632"/>
                </a:lnTo>
                <a:lnTo>
                  <a:pt x="0" y="11632"/>
                </a:lnTo>
                <a:lnTo>
                  <a:pt x="0" y="6353"/>
                </a:lnTo>
                <a:close/>
              </a:path>
            </a:pathLst>
          </a:custGeom>
          <a:solidFill>
            <a:srgbClr val="56AA9E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Rectangle: Rounded Corners 20">
            <a:extLst>
              <a:ext uri="{FF2B5EF4-FFF2-40B4-BE49-F238E27FC236}">
                <a16:creationId xmlns:a16="http://schemas.microsoft.com/office/drawing/2014/main" id="{934DDA62-9765-42F7-84B0-C523B382B036}"/>
              </a:ext>
            </a:extLst>
          </p:cNvPr>
          <p:cNvSpPr/>
          <p:nvPr/>
        </p:nvSpPr>
        <p:spPr>
          <a:xfrm>
            <a:off x="3216113" y="2561024"/>
            <a:ext cx="5988373" cy="2333871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B6FD40E0-3342-4FCC-970F-B9D78C88EF9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479235" y="147769"/>
            <a:ext cx="4254557" cy="2516056"/>
          </a:xfrm>
          <a:prstGeom prst="rect">
            <a:avLst/>
          </a:prstGeom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476659CE-101E-4D51-A28F-F758FE655E18}"/>
              </a:ext>
            </a:extLst>
          </p:cNvPr>
          <p:cNvGrpSpPr/>
          <p:nvPr userDrawn="1"/>
        </p:nvGrpSpPr>
        <p:grpSpPr>
          <a:xfrm>
            <a:off x="10557891" y="5708396"/>
            <a:ext cx="2102068" cy="1155700"/>
            <a:chOff x="10545191" y="5041900"/>
            <a:chExt cx="2102068" cy="1155700"/>
          </a:xfrm>
        </p:grpSpPr>
        <p:sp>
          <p:nvSpPr>
            <p:cNvPr id="15" name="Flowchart: Manual Input 14">
              <a:extLst>
                <a:ext uri="{FF2B5EF4-FFF2-40B4-BE49-F238E27FC236}">
                  <a16:creationId xmlns:a16="http://schemas.microsoft.com/office/drawing/2014/main" id="{B6C7CDD0-B907-491C-982B-6272B9C9B44C}"/>
                </a:ext>
              </a:extLst>
            </p:cNvPr>
            <p:cNvSpPr/>
            <p:nvPr userDrawn="1"/>
          </p:nvSpPr>
          <p:spPr>
            <a:xfrm>
              <a:off x="10892191" y="5137150"/>
              <a:ext cx="1196740" cy="1054100"/>
            </a:xfrm>
            <a:prstGeom prst="flowChartManualInput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Flowchart: Manual Input 16">
              <a:extLst>
                <a:ext uri="{FF2B5EF4-FFF2-40B4-BE49-F238E27FC236}">
                  <a16:creationId xmlns:a16="http://schemas.microsoft.com/office/drawing/2014/main" id="{C90E3381-1674-432E-B138-63033D7A0958}"/>
                </a:ext>
              </a:extLst>
            </p:cNvPr>
            <p:cNvSpPr/>
            <p:nvPr userDrawn="1"/>
          </p:nvSpPr>
          <p:spPr>
            <a:xfrm>
              <a:off x="10995260" y="5041900"/>
              <a:ext cx="1196740" cy="1149350"/>
            </a:xfrm>
            <a:prstGeom prst="flowChartManualInput">
              <a:avLst/>
            </a:prstGeom>
            <a:solidFill>
              <a:srgbClr val="56AA9E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89B7E766-EBF0-4BCB-96EB-0CC121019557}"/>
                </a:ext>
              </a:extLst>
            </p:cNvPr>
            <p:cNvSpPr txBox="1"/>
            <p:nvPr userDrawn="1"/>
          </p:nvSpPr>
          <p:spPr>
            <a:xfrm>
              <a:off x="10545191" y="5274270"/>
              <a:ext cx="210206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540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2B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93272036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slide templat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Flowchart: Manual Input 23">
            <a:extLst>
              <a:ext uri="{FF2B5EF4-FFF2-40B4-BE49-F238E27FC236}">
                <a16:creationId xmlns:a16="http://schemas.microsoft.com/office/drawing/2014/main" id="{653143D5-DB55-47E0-82C4-112C17995C6B}"/>
              </a:ext>
            </a:extLst>
          </p:cNvPr>
          <p:cNvSpPr/>
          <p:nvPr userDrawn="1"/>
        </p:nvSpPr>
        <p:spPr>
          <a:xfrm flipH="1" flipV="1">
            <a:off x="0" y="0"/>
            <a:ext cx="12192000" cy="2516056"/>
          </a:xfrm>
          <a:custGeom>
            <a:avLst/>
            <a:gdLst>
              <a:gd name="connsiteX0" fmla="*/ 0 w 10000"/>
              <a:gd name="connsiteY0" fmla="*/ 2000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2000 h 10000"/>
              <a:gd name="connsiteX0" fmla="*/ 0 w 10000"/>
              <a:gd name="connsiteY0" fmla="*/ 4721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4721 h 10000"/>
              <a:gd name="connsiteX0" fmla="*/ 0 w 10000"/>
              <a:gd name="connsiteY0" fmla="*/ 6353 h 11632"/>
              <a:gd name="connsiteX1" fmla="*/ 10000 w 10000"/>
              <a:gd name="connsiteY1" fmla="*/ 0 h 11632"/>
              <a:gd name="connsiteX2" fmla="*/ 10000 w 10000"/>
              <a:gd name="connsiteY2" fmla="*/ 11632 h 11632"/>
              <a:gd name="connsiteX3" fmla="*/ 0 w 10000"/>
              <a:gd name="connsiteY3" fmla="*/ 11632 h 11632"/>
              <a:gd name="connsiteX4" fmla="*/ 0 w 10000"/>
              <a:gd name="connsiteY4" fmla="*/ 6353 h 1163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00" h="11632">
                <a:moveTo>
                  <a:pt x="0" y="6353"/>
                </a:moveTo>
                <a:lnTo>
                  <a:pt x="10000" y="0"/>
                </a:lnTo>
                <a:lnTo>
                  <a:pt x="10000" y="11632"/>
                </a:lnTo>
                <a:lnTo>
                  <a:pt x="0" y="11632"/>
                </a:lnTo>
                <a:lnTo>
                  <a:pt x="0" y="6353"/>
                </a:lnTo>
                <a:close/>
              </a:path>
            </a:pathLst>
          </a:custGeom>
          <a:solidFill>
            <a:srgbClr val="D7801C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Rectangle: Rounded Corners 20">
            <a:extLst>
              <a:ext uri="{FF2B5EF4-FFF2-40B4-BE49-F238E27FC236}">
                <a16:creationId xmlns:a16="http://schemas.microsoft.com/office/drawing/2014/main" id="{934DDA62-9765-42F7-84B0-C523B382B036}"/>
              </a:ext>
            </a:extLst>
          </p:cNvPr>
          <p:cNvSpPr/>
          <p:nvPr/>
        </p:nvSpPr>
        <p:spPr>
          <a:xfrm>
            <a:off x="3216113" y="2561024"/>
            <a:ext cx="5988373" cy="2333871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B6FD40E0-3342-4FCC-970F-B9D78C88EF9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479235" y="147769"/>
            <a:ext cx="4254557" cy="2516056"/>
          </a:xfrm>
          <a:prstGeom prst="rect">
            <a:avLst/>
          </a:prstGeom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476659CE-101E-4D51-A28F-F758FE655E18}"/>
              </a:ext>
            </a:extLst>
          </p:cNvPr>
          <p:cNvGrpSpPr/>
          <p:nvPr userDrawn="1"/>
        </p:nvGrpSpPr>
        <p:grpSpPr>
          <a:xfrm>
            <a:off x="10551795" y="5708396"/>
            <a:ext cx="2102068" cy="1155700"/>
            <a:chOff x="10539095" y="5041900"/>
            <a:chExt cx="2102068" cy="1155700"/>
          </a:xfrm>
        </p:grpSpPr>
        <p:sp>
          <p:nvSpPr>
            <p:cNvPr id="15" name="Flowchart: Manual Input 14">
              <a:extLst>
                <a:ext uri="{FF2B5EF4-FFF2-40B4-BE49-F238E27FC236}">
                  <a16:creationId xmlns:a16="http://schemas.microsoft.com/office/drawing/2014/main" id="{B6C7CDD0-B907-491C-982B-6272B9C9B44C}"/>
                </a:ext>
              </a:extLst>
            </p:cNvPr>
            <p:cNvSpPr/>
            <p:nvPr userDrawn="1"/>
          </p:nvSpPr>
          <p:spPr>
            <a:xfrm>
              <a:off x="10892191" y="5137150"/>
              <a:ext cx="1196740" cy="1054100"/>
            </a:xfrm>
            <a:prstGeom prst="flowChartManualInput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Flowchart: Manual Input 16">
              <a:extLst>
                <a:ext uri="{FF2B5EF4-FFF2-40B4-BE49-F238E27FC236}">
                  <a16:creationId xmlns:a16="http://schemas.microsoft.com/office/drawing/2014/main" id="{C90E3381-1674-432E-B138-63033D7A0958}"/>
                </a:ext>
              </a:extLst>
            </p:cNvPr>
            <p:cNvSpPr/>
            <p:nvPr userDrawn="1"/>
          </p:nvSpPr>
          <p:spPr>
            <a:xfrm>
              <a:off x="10995260" y="5041900"/>
              <a:ext cx="1196740" cy="1149350"/>
            </a:xfrm>
            <a:prstGeom prst="flowChartManualInput">
              <a:avLst/>
            </a:prstGeom>
            <a:solidFill>
              <a:srgbClr val="D7801C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89B7E766-EBF0-4BCB-96EB-0CC121019557}"/>
                </a:ext>
              </a:extLst>
            </p:cNvPr>
            <p:cNvSpPr txBox="1"/>
            <p:nvPr userDrawn="1"/>
          </p:nvSpPr>
          <p:spPr>
            <a:xfrm>
              <a:off x="10539095" y="5274270"/>
              <a:ext cx="210206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540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3A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9078856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B cover slide templat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Flowchart: Manual Input 23">
            <a:extLst>
              <a:ext uri="{FF2B5EF4-FFF2-40B4-BE49-F238E27FC236}">
                <a16:creationId xmlns:a16="http://schemas.microsoft.com/office/drawing/2014/main" id="{653143D5-DB55-47E0-82C4-112C17995C6B}"/>
              </a:ext>
            </a:extLst>
          </p:cNvPr>
          <p:cNvSpPr/>
          <p:nvPr userDrawn="1"/>
        </p:nvSpPr>
        <p:spPr>
          <a:xfrm flipH="1" flipV="1">
            <a:off x="0" y="0"/>
            <a:ext cx="12192000" cy="2516056"/>
          </a:xfrm>
          <a:custGeom>
            <a:avLst/>
            <a:gdLst>
              <a:gd name="connsiteX0" fmla="*/ 0 w 10000"/>
              <a:gd name="connsiteY0" fmla="*/ 2000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2000 h 10000"/>
              <a:gd name="connsiteX0" fmla="*/ 0 w 10000"/>
              <a:gd name="connsiteY0" fmla="*/ 4721 h 10000"/>
              <a:gd name="connsiteX1" fmla="*/ 10000 w 10000"/>
              <a:gd name="connsiteY1" fmla="*/ 0 h 10000"/>
              <a:gd name="connsiteX2" fmla="*/ 10000 w 10000"/>
              <a:gd name="connsiteY2" fmla="*/ 10000 h 10000"/>
              <a:gd name="connsiteX3" fmla="*/ 0 w 10000"/>
              <a:gd name="connsiteY3" fmla="*/ 10000 h 10000"/>
              <a:gd name="connsiteX4" fmla="*/ 0 w 10000"/>
              <a:gd name="connsiteY4" fmla="*/ 4721 h 10000"/>
              <a:gd name="connsiteX0" fmla="*/ 0 w 10000"/>
              <a:gd name="connsiteY0" fmla="*/ 6353 h 11632"/>
              <a:gd name="connsiteX1" fmla="*/ 10000 w 10000"/>
              <a:gd name="connsiteY1" fmla="*/ 0 h 11632"/>
              <a:gd name="connsiteX2" fmla="*/ 10000 w 10000"/>
              <a:gd name="connsiteY2" fmla="*/ 11632 h 11632"/>
              <a:gd name="connsiteX3" fmla="*/ 0 w 10000"/>
              <a:gd name="connsiteY3" fmla="*/ 11632 h 11632"/>
              <a:gd name="connsiteX4" fmla="*/ 0 w 10000"/>
              <a:gd name="connsiteY4" fmla="*/ 6353 h 1163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0000" h="11632">
                <a:moveTo>
                  <a:pt x="0" y="6353"/>
                </a:moveTo>
                <a:lnTo>
                  <a:pt x="10000" y="0"/>
                </a:lnTo>
                <a:lnTo>
                  <a:pt x="10000" y="11632"/>
                </a:lnTo>
                <a:lnTo>
                  <a:pt x="0" y="11632"/>
                </a:lnTo>
                <a:lnTo>
                  <a:pt x="0" y="6353"/>
                </a:lnTo>
                <a:close/>
              </a:path>
            </a:pathLst>
          </a:custGeom>
          <a:solidFill>
            <a:srgbClr val="73408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Rectangle: Rounded Corners 20">
            <a:extLst>
              <a:ext uri="{FF2B5EF4-FFF2-40B4-BE49-F238E27FC236}">
                <a16:creationId xmlns:a16="http://schemas.microsoft.com/office/drawing/2014/main" id="{934DDA62-9765-42F7-84B0-C523B382B036}"/>
              </a:ext>
            </a:extLst>
          </p:cNvPr>
          <p:cNvSpPr/>
          <p:nvPr/>
        </p:nvSpPr>
        <p:spPr>
          <a:xfrm>
            <a:off x="3216113" y="2561024"/>
            <a:ext cx="5988373" cy="2333871"/>
          </a:xfrm>
          <a:prstGeom prst="roundRect">
            <a:avLst/>
          </a:prstGeom>
          <a:solidFill>
            <a:schemeClr val="bg1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B6FD40E0-3342-4FCC-970F-B9D78C88EF9E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479235" y="147769"/>
            <a:ext cx="4254557" cy="2516056"/>
          </a:xfrm>
          <a:prstGeom prst="rect">
            <a:avLst/>
          </a:prstGeom>
        </p:spPr>
      </p:pic>
      <p:grpSp>
        <p:nvGrpSpPr>
          <p:cNvPr id="7" name="Group 6">
            <a:extLst>
              <a:ext uri="{FF2B5EF4-FFF2-40B4-BE49-F238E27FC236}">
                <a16:creationId xmlns:a16="http://schemas.microsoft.com/office/drawing/2014/main" id="{476659CE-101E-4D51-A28F-F758FE655E18}"/>
              </a:ext>
            </a:extLst>
          </p:cNvPr>
          <p:cNvGrpSpPr/>
          <p:nvPr userDrawn="1"/>
        </p:nvGrpSpPr>
        <p:grpSpPr>
          <a:xfrm>
            <a:off x="10545699" y="5708396"/>
            <a:ext cx="2102068" cy="1155700"/>
            <a:chOff x="10532999" y="5041900"/>
            <a:chExt cx="2102068" cy="1155700"/>
          </a:xfrm>
        </p:grpSpPr>
        <p:sp>
          <p:nvSpPr>
            <p:cNvPr id="15" name="Flowchart: Manual Input 14">
              <a:extLst>
                <a:ext uri="{FF2B5EF4-FFF2-40B4-BE49-F238E27FC236}">
                  <a16:creationId xmlns:a16="http://schemas.microsoft.com/office/drawing/2014/main" id="{B6C7CDD0-B907-491C-982B-6272B9C9B44C}"/>
                </a:ext>
              </a:extLst>
            </p:cNvPr>
            <p:cNvSpPr/>
            <p:nvPr userDrawn="1"/>
          </p:nvSpPr>
          <p:spPr>
            <a:xfrm>
              <a:off x="10892191" y="5137150"/>
              <a:ext cx="1196740" cy="1054100"/>
            </a:xfrm>
            <a:prstGeom prst="flowChartManualInput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7" name="Flowchart: Manual Input 16">
              <a:extLst>
                <a:ext uri="{FF2B5EF4-FFF2-40B4-BE49-F238E27FC236}">
                  <a16:creationId xmlns:a16="http://schemas.microsoft.com/office/drawing/2014/main" id="{C90E3381-1674-432E-B138-63033D7A0958}"/>
                </a:ext>
              </a:extLst>
            </p:cNvPr>
            <p:cNvSpPr/>
            <p:nvPr userDrawn="1"/>
          </p:nvSpPr>
          <p:spPr>
            <a:xfrm>
              <a:off x="10995260" y="5041900"/>
              <a:ext cx="1196740" cy="1149350"/>
            </a:xfrm>
            <a:prstGeom prst="flowChartManualInput">
              <a:avLst/>
            </a:prstGeom>
            <a:solidFill>
              <a:srgbClr val="73408D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89B7E766-EBF0-4BCB-96EB-0CC121019557}"/>
                </a:ext>
              </a:extLst>
            </p:cNvPr>
            <p:cNvSpPr txBox="1"/>
            <p:nvPr userDrawn="1"/>
          </p:nvSpPr>
          <p:spPr>
            <a:xfrm>
              <a:off x="10532999" y="5274270"/>
              <a:ext cx="210206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5400">
                  <a:solidFill>
                    <a:schemeClr val="bg1"/>
                  </a:solidFill>
                  <a:latin typeface="Open Sans ExtraBold" panose="020B0906030804020204" pitchFamily="34" charset="0"/>
                  <a:ea typeface="Open Sans ExtraBold" panose="020B0906030804020204" pitchFamily="34" charset="0"/>
                  <a:cs typeface="Open Sans ExtraBold" panose="020B0906030804020204" pitchFamily="34" charset="0"/>
                </a:rPr>
                <a:t>3B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286389902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91C304FF-9255-455E-A2C3-88D86F03B953}"/>
              </a:ext>
            </a:extLst>
          </p:cNvPr>
          <p:cNvSpPr txBox="1"/>
          <p:nvPr userDrawn="1"/>
        </p:nvSpPr>
        <p:spPr>
          <a:xfrm>
            <a:off x="5044966" y="3105834"/>
            <a:ext cx="210206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>
                <a:solidFill>
                  <a:schemeClr val="tx1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The End</a:t>
            </a:r>
          </a:p>
        </p:txBody>
      </p:sp>
    </p:spTree>
    <p:extLst>
      <p:ext uri="{BB962C8B-B14F-4D97-AF65-F5344CB8AC3E}">
        <p14:creationId xmlns:p14="http://schemas.microsoft.com/office/powerpoint/2010/main" val="111580319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41567904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1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theme" Target="../theme/theme1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2/28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 descr="Logo&#10;&#10;Description automatically generated">
            <a:extLst>
              <a:ext uri="{FF2B5EF4-FFF2-40B4-BE49-F238E27FC236}">
                <a16:creationId xmlns:a16="http://schemas.microsoft.com/office/drawing/2014/main" id="{6F7A0D26-1A79-4296-8A77-38F5DC3352B5}"/>
              </a:ext>
            </a:extLst>
          </p:cNvPr>
          <p:cNvPicPr>
            <a:picLocks noChangeAspect="1"/>
          </p:cNvPicPr>
          <p:nvPr userDrawn="1"/>
        </p:nvPicPr>
        <p:blipFill>
          <a:blip r:embed="rId2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9762" y="6095982"/>
            <a:ext cx="1596876" cy="7223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2730703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90" r:id="rId1"/>
    <p:sldLayoutId id="2147483804" r:id="rId2"/>
    <p:sldLayoutId id="2147483791" r:id="rId3"/>
    <p:sldLayoutId id="2147483805" r:id="rId4"/>
    <p:sldLayoutId id="2147483806" r:id="rId5"/>
    <p:sldLayoutId id="2147483807" r:id="rId6"/>
    <p:sldLayoutId id="2147483808" r:id="rId7"/>
    <p:sldLayoutId id="2147483792" r:id="rId8"/>
    <p:sldLayoutId id="2147483793" r:id="rId9"/>
    <p:sldLayoutId id="2147483794" r:id="rId10"/>
    <p:sldLayoutId id="2147483795" r:id="rId11"/>
    <p:sldLayoutId id="2147483796" r:id="rId12"/>
    <p:sldLayoutId id="2147483797" r:id="rId13"/>
    <p:sldLayoutId id="2147483798" r:id="rId14"/>
    <p:sldLayoutId id="2147483799" r:id="rId15"/>
    <p:sldLayoutId id="2147483800" r:id="rId16"/>
    <p:sldLayoutId id="2147483801" r:id="rId17"/>
    <p:sldLayoutId id="2147483802" r:id="rId18"/>
    <p:sldLayoutId id="2147483803" r:id="rId19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.xml"/><Relationship Id="rId5" Type="http://schemas.microsoft.com/office/2007/relationships/hdphoto" Target="../media/hdphoto1.wdp"/><Relationship Id="rId4" Type="http://schemas.openxmlformats.org/officeDocument/2006/relationships/image" Target="../media/image8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1.xml"/><Relationship Id="rId4" Type="http://schemas.openxmlformats.org/officeDocument/2006/relationships/image" Target="../media/image20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2.xml"/><Relationship Id="rId4" Type="http://schemas.openxmlformats.org/officeDocument/2006/relationships/image" Target="../media/image21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3.xml"/><Relationship Id="rId4" Type="http://schemas.openxmlformats.org/officeDocument/2006/relationships/image" Target="../media/image19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4.xml"/><Relationship Id="rId4" Type="http://schemas.openxmlformats.org/officeDocument/2006/relationships/image" Target="../media/image20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5.xml"/><Relationship Id="rId5" Type="http://schemas.openxmlformats.org/officeDocument/2006/relationships/image" Target="../media/image23.svg"/><Relationship Id="rId4" Type="http://schemas.openxmlformats.org/officeDocument/2006/relationships/image" Target="../media/image22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6.xml"/><Relationship Id="rId4" Type="http://schemas.openxmlformats.org/officeDocument/2006/relationships/image" Target="../media/image24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8.xml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9.xml"/><Relationship Id="rId4" Type="http://schemas.openxmlformats.org/officeDocument/2006/relationships/image" Target="../media/image21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0.xml"/><Relationship Id="rId4" Type="http://schemas.openxmlformats.org/officeDocument/2006/relationships/image" Target="../media/image21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audio" Target="../media/media1.wav"/><Relationship Id="rId7" Type="http://schemas.openxmlformats.org/officeDocument/2006/relationships/image" Target="../media/image10.png"/><Relationship Id="rId2" Type="http://schemas.microsoft.com/office/2007/relationships/media" Target="../media/media1.wav"/><Relationship Id="rId1" Type="http://schemas.openxmlformats.org/officeDocument/2006/relationships/tags" Target="../tags/tag3.xml"/><Relationship Id="rId6" Type="http://schemas.openxmlformats.org/officeDocument/2006/relationships/image" Target="../media/image9.png"/><Relationship Id="rId11" Type="http://schemas.microsoft.com/office/2007/relationships/hdphoto" Target="../media/hdphoto3.wdp"/><Relationship Id="rId5" Type="http://schemas.openxmlformats.org/officeDocument/2006/relationships/notesSlide" Target="../notesSlides/notesSlide2.xml"/><Relationship Id="rId10" Type="http://schemas.openxmlformats.org/officeDocument/2006/relationships/image" Target="../media/image12.png"/><Relationship Id="rId4" Type="http://schemas.openxmlformats.org/officeDocument/2006/relationships/slideLayout" Target="../slideLayouts/slideLayout9.xml"/><Relationship Id="rId9" Type="http://schemas.microsoft.com/office/2007/relationships/hdphoto" Target="../media/hdphoto2.wdp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1.xml"/><Relationship Id="rId4" Type="http://schemas.openxmlformats.org/officeDocument/2006/relationships/image" Target="../media/image20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2.xml"/><Relationship Id="rId5" Type="http://schemas.openxmlformats.org/officeDocument/2006/relationships/image" Target="../media/image23.svg"/><Relationship Id="rId4" Type="http://schemas.openxmlformats.org/officeDocument/2006/relationships/image" Target="../media/image22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3.xml"/><Relationship Id="rId4" Type="http://schemas.openxmlformats.org/officeDocument/2006/relationships/image" Target="../media/image21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4.xml"/><Relationship Id="rId4" Type="http://schemas.openxmlformats.org/officeDocument/2006/relationships/image" Target="../media/image25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5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6.xml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7.xml"/><Relationship Id="rId4" Type="http://schemas.openxmlformats.org/officeDocument/2006/relationships/image" Target="../media/image21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8.xml"/><Relationship Id="rId4" Type="http://schemas.openxmlformats.org/officeDocument/2006/relationships/image" Target="../media/image21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29.xml"/><Relationship Id="rId4" Type="http://schemas.openxmlformats.org/officeDocument/2006/relationships/image" Target="../media/image20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30.xml"/><Relationship Id="rId5" Type="http://schemas.openxmlformats.org/officeDocument/2006/relationships/image" Target="../media/image23.svg"/><Relationship Id="rId4" Type="http://schemas.openxmlformats.org/officeDocument/2006/relationships/image" Target="../media/image22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audio" Target="../media/media2.wav"/><Relationship Id="rId7" Type="http://schemas.microsoft.com/office/2007/relationships/hdphoto" Target="../media/hdphoto4.wdp"/><Relationship Id="rId2" Type="http://schemas.microsoft.com/office/2007/relationships/media" Target="../media/media2.wav"/><Relationship Id="rId1" Type="http://schemas.openxmlformats.org/officeDocument/2006/relationships/tags" Target="../tags/tag4.xml"/><Relationship Id="rId6" Type="http://schemas.openxmlformats.org/officeDocument/2006/relationships/image" Target="../media/image13.png"/><Relationship Id="rId11" Type="http://schemas.openxmlformats.org/officeDocument/2006/relationships/image" Target="../media/image10.png"/><Relationship Id="rId5" Type="http://schemas.openxmlformats.org/officeDocument/2006/relationships/notesSlide" Target="../notesSlides/notesSlide3.xml"/><Relationship Id="rId10" Type="http://schemas.openxmlformats.org/officeDocument/2006/relationships/image" Target="../media/image9.png"/><Relationship Id="rId4" Type="http://schemas.openxmlformats.org/officeDocument/2006/relationships/slideLayout" Target="../slideLayouts/slideLayout9.xml"/><Relationship Id="rId9" Type="http://schemas.microsoft.com/office/2007/relationships/hdphoto" Target="../media/hdphoto5.wdp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31.xml"/><Relationship Id="rId4" Type="http://schemas.openxmlformats.org/officeDocument/2006/relationships/image" Target="../media/image21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32.xml"/><Relationship Id="rId6" Type="http://schemas.microsoft.com/office/2007/relationships/hdphoto" Target="../media/hdphoto1.wdp"/><Relationship Id="rId5" Type="http://schemas.openxmlformats.org/officeDocument/2006/relationships/image" Target="../media/image8.png"/><Relationship Id="rId4" Type="http://schemas.openxmlformats.org/officeDocument/2006/relationships/image" Target="../media/image26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8.xml"/><Relationship Id="rId1" Type="http://schemas.openxmlformats.org/officeDocument/2006/relationships/tags" Target="../tags/tag33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34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3" Type="http://schemas.openxmlformats.org/officeDocument/2006/relationships/audio" Target="../media/media3.wav"/><Relationship Id="rId7" Type="http://schemas.microsoft.com/office/2007/relationships/hdphoto" Target="../media/hdphoto6.wdp"/><Relationship Id="rId2" Type="http://schemas.microsoft.com/office/2007/relationships/media" Target="../media/media3.wav"/><Relationship Id="rId1" Type="http://schemas.openxmlformats.org/officeDocument/2006/relationships/tags" Target="../tags/tag5.xml"/><Relationship Id="rId6" Type="http://schemas.openxmlformats.org/officeDocument/2006/relationships/image" Target="../media/image15.png"/><Relationship Id="rId11" Type="http://schemas.openxmlformats.org/officeDocument/2006/relationships/image" Target="../media/image10.png"/><Relationship Id="rId5" Type="http://schemas.openxmlformats.org/officeDocument/2006/relationships/notesSlide" Target="../notesSlides/notesSlide4.xml"/><Relationship Id="rId10" Type="http://schemas.openxmlformats.org/officeDocument/2006/relationships/image" Target="../media/image9.png"/><Relationship Id="rId4" Type="http://schemas.openxmlformats.org/officeDocument/2006/relationships/slideLayout" Target="../slideLayouts/slideLayout9.xml"/><Relationship Id="rId9" Type="http://schemas.microsoft.com/office/2007/relationships/hdphoto" Target="../media/hdphoto7.wdp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6.xml"/><Relationship Id="rId5" Type="http://schemas.openxmlformats.org/officeDocument/2006/relationships/image" Target="../media/image17.jpeg"/><Relationship Id="rId4" Type="http://schemas.openxmlformats.org/officeDocument/2006/relationships/image" Target="../media/image9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7.xml"/><Relationship Id="rId5" Type="http://schemas.microsoft.com/office/2007/relationships/hdphoto" Target="../media/hdphoto1.wdp"/><Relationship Id="rId4" Type="http://schemas.openxmlformats.org/officeDocument/2006/relationships/image" Target="../media/image8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9.xml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9.xml"/><Relationship Id="rId1" Type="http://schemas.openxmlformats.org/officeDocument/2006/relationships/tags" Target="../tags/tag10.xml"/><Relationship Id="rId4" Type="http://schemas.openxmlformats.org/officeDocument/2006/relationships/image" Target="../media/image20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23604EA2-5CB4-4E4C-9012-9887B21D072A}"/>
              </a:ext>
            </a:extLst>
          </p:cNvPr>
          <p:cNvSpPr txBox="1"/>
          <p:nvPr/>
        </p:nvSpPr>
        <p:spPr>
          <a:xfrm>
            <a:off x="10217676" y="478494"/>
            <a:ext cx="1834987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4400" b="1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Unit </a:t>
            </a:r>
            <a:r>
              <a:rPr lang="en-US" sz="4400" b="1">
                <a:solidFill>
                  <a:prstClr val="white"/>
                </a:solidFill>
                <a:latin typeface="Calibri" panose="020F0502020204030204"/>
              </a:rPr>
              <a:t>2</a:t>
            </a:r>
            <a:endParaRPr kumimoji="0" lang="en-US" sz="4400" b="1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4AC14369-EE5F-4069-D740-7B3C90E19522}"/>
              </a:ext>
            </a:extLst>
          </p:cNvPr>
          <p:cNvSpPr/>
          <p:nvPr/>
        </p:nvSpPr>
        <p:spPr>
          <a:xfrm>
            <a:off x="3030276" y="2722892"/>
            <a:ext cx="7708577" cy="2355110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HK"/>
          </a:p>
        </p:txBody>
      </p:sp>
      <p:grpSp>
        <p:nvGrpSpPr>
          <p:cNvPr id="11" name="Group 10">
            <a:extLst>
              <a:ext uri="{FF2B5EF4-FFF2-40B4-BE49-F238E27FC236}">
                <a16:creationId xmlns:a16="http://schemas.microsoft.com/office/drawing/2014/main" id="{4AEF422C-F1F7-43A2-88D7-850D10465D15}"/>
              </a:ext>
            </a:extLst>
          </p:cNvPr>
          <p:cNvGrpSpPr/>
          <p:nvPr/>
        </p:nvGrpSpPr>
        <p:grpSpPr>
          <a:xfrm>
            <a:off x="2299834" y="3150165"/>
            <a:ext cx="7642328" cy="2235349"/>
            <a:chOff x="1197885" y="458742"/>
            <a:chExt cx="7450853" cy="1799138"/>
          </a:xfrm>
        </p:grpSpPr>
        <p:grpSp>
          <p:nvGrpSpPr>
            <p:cNvPr id="12" name="Group 11">
              <a:extLst>
                <a:ext uri="{FF2B5EF4-FFF2-40B4-BE49-F238E27FC236}">
                  <a16:creationId xmlns:a16="http://schemas.microsoft.com/office/drawing/2014/main" id="{8421CCE2-796D-4F71-A49A-B9DCBB3BC916}"/>
                </a:ext>
              </a:extLst>
            </p:cNvPr>
            <p:cNvGrpSpPr/>
            <p:nvPr/>
          </p:nvGrpSpPr>
          <p:grpSpPr>
            <a:xfrm>
              <a:off x="1197885" y="458742"/>
              <a:ext cx="7450853" cy="1767141"/>
              <a:chOff x="1546227" y="-1486807"/>
              <a:chExt cx="7450853" cy="1767141"/>
            </a:xfrm>
          </p:grpSpPr>
          <p:sp>
            <p:nvSpPr>
              <p:cNvPr id="14" name="Rectangle 13">
                <a:extLst>
                  <a:ext uri="{FF2B5EF4-FFF2-40B4-BE49-F238E27FC236}">
                    <a16:creationId xmlns:a16="http://schemas.microsoft.com/office/drawing/2014/main" id="{2882A5F6-F609-443B-8FCD-2830A1ADF32F}"/>
                  </a:ext>
                </a:extLst>
              </p:cNvPr>
              <p:cNvSpPr/>
              <p:nvPr/>
            </p:nvSpPr>
            <p:spPr>
              <a:xfrm>
                <a:off x="2046550" y="-1325343"/>
                <a:ext cx="6950530" cy="1605677"/>
              </a:xfrm>
              <a:prstGeom prst="rect">
                <a:avLst/>
              </a:prstGeom>
              <a:solidFill>
                <a:srgbClr val="906AAB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15" name="Rectangle 14">
                <a:extLst>
                  <a:ext uri="{FF2B5EF4-FFF2-40B4-BE49-F238E27FC236}">
                    <a16:creationId xmlns:a16="http://schemas.microsoft.com/office/drawing/2014/main" id="{A436ACB3-4E79-41A1-BA05-A072A08C4702}"/>
                  </a:ext>
                </a:extLst>
              </p:cNvPr>
              <p:cNvSpPr/>
              <p:nvPr/>
            </p:nvSpPr>
            <p:spPr>
              <a:xfrm>
                <a:off x="1959428" y="-1425847"/>
                <a:ext cx="6950529" cy="1607095"/>
              </a:xfrm>
              <a:prstGeom prst="rect">
                <a:avLst/>
              </a:prstGeom>
              <a:solidFill>
                <a:srgbClr val="E6E1F0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16" name="Picture 15">
                <a:extLst>
                  <a:ext uri="{FF2B5EF4-FFF2-40B4-BE49-F238E27FC236}">
                    <a16:creationId xmlns:a16="http://schemas.microsoft.com/office/drawing/2014/main" id="{6ACFD678-008E-4823-BF71-58A2F2E84935}"/>
                  </a:ext>
                </a:extLst>
              </p:cNvPr>
              <p:cNvPicPr>
                <a:picLocks noChangeAspect="1"/>
              </p:cNvPicPr>
              <p:nvPr/>
            </p:nvPicPr>
            <p:blipFill rotWithShape="1">
              <a:blip r:embed="rId4" cstate="print"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backgroundRemoval t="7109" b="79621" l="9504" r="92562">
                            <a14:foregroundMark x1="10124" y1="54028" x2="10537" y2="69668"/>
                            <a14:foregroundMark x1="23967" y1="32227" x2="31818" y2="36493"/>
                            <a14:foregroundMark x1="92975" y1="43128" x2="76446" y2="36967"/>
                            <a14:foregroundMark x1="76860" y1="35545" x2="41942" y2="41232"/>
                            <a14:foregroundMark x1="52686" y1="39810" x2="25000" y2="34597"/>
                            <a14:foregroundMark x1="13843" y1="80095" x2="13843" y2="80095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/>
                  </a:ext>
                </a:extLst>
              </a:blip>
              <a:srcRect/>
              <a:stretch/>
            </p:blipFill>
            <p:spPr>
              <a:xfrm>
                <a:off x="1546227" y="-1486807"/>
                <a:ext cx="2950028" cy="1173049"/>
              </a:xfrm>
              <a:prstGeom prst="rect">
                <a:avLst/>
              </a:prstGeom>
            </p:spPr>
          </p:pic>
        </p:grpSp>
        <p:sp>
          <p:nvSpPr>
            <p:cNvPr id="13" name="TextBox 12">
              <a:extLst>
                <a:ext uri="{FF2B5EF4-FFF2-40B4-BE49-F238E27FC236}">
                  <a16:creationId xmlns:a16="http://schemas.microsoft.com/office/drawing/2014/main" id="{B9AEE223-21C6-4BF0-8D60-D09AABB4BAC6}"/>
                </a:ext>
              </a:extLst>
            </p:cNvPr>
            <p:cNvSpPr txBox="1"/>
            <p:nvPr/>
          </p:nvSpPr>
          <p:spPr>
            <a:xfrm>
              <a:off x="2093722" y="1180662"/>
              <a:ext cx="6555014" cy="107721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b="1" dirty="0"/>
                <a:t>Working out the meaning of words and phrases (II)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075736512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89FC0DD8-6899-4E10-9900-281A1035BD11}"/>
              </a:ext>
            </a:extLst>
          </p:cNvPr>
          <p:cNvSpPr/>
          <p:nvPr/>
        </p:nvSpPr>
        <p:spPr>
          <a:xfrm>
            <a:off x="1114425" y="556530"/>
            <a:ext cx="10229850" cy="2598149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21163C39-DCA4-8266-7E95-4639F4B9DC1F}"/>
              </a:ext>
            </a:extLst>
          </p:cNvPr>
          <p:cNvSpPr txBox="1"/>
          <p:nvPr/>
        </p:nvSpPr>
        <p:spPr>
          <a:xfrm>
            <a:off x="1426187" y="793775"/>
            <a:ext cx="9918088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/>
              <a:t>Electronic equipment must be disposed of carefully as it contains toxic materials that can injure or kill humans.</a:t>
            </a:r>
          </a:p>
        </p:txBody>
      </p:sp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7A36098C-2132-7B93-4913-40ED539D4D74}"/>
              </a:ext>
            </a:extLst>
          </p:cNvPr>
          <p:cNvCxnSpPr>
            <a:cxnSpLocks/>
          </p:cNvCxnSpPr>
          <p:nvPr/>
        </p:nvCxnSpPr>
        <p:spPr>
          <a:xfrm>
            <a:off x="5471925" y="4612447"/>
            <a:ext cx="3452445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4" name="TextBox 23">
            <a:extLst>
              <a:ext uri="{FF2B5EF4-FFF2-40B4-BE49-F238E27FC236}">
                <a16:creationId xmlns:a16="http://schemas.microsoft.com/office/drawing/2014/main" id="{647FAD75-53C8-C7F1-F6E6-A87473217E29}"/>
              </a:ext>
            </a:extLst>
          </p:cNvPr>
          <p:cNvSpPr txBox="1"/>
          <p:nvPr/>
        </p:nvSpPr>
        <p:spPr>
          <a:xfrm>
            <a:off x="1585062" y="3535799"/>
            <a:ext cx="960033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600" b="1"/>
              <a:t>Find a word in the paragraph above that has a similar meaning to ‘harmful to people’.</a:t>
            </a:r>
          </a:p>
        </p:txBody>
      </p:sp>
      <p:pic>
        <p:nvPicPr>
          <p:cNvPr id="27" name="Picture 4">
            <a:extLst>
              <a:ext uri="{FF2B5EF4-FFF2-40B4-BE49-F238E27FC236}">
                <a16:creationId xmlns:a16="http://schemas.microsoft.com/office/drawing/2014/main" id="{FE6820C3-0DDA-AA6F-9943-D9D2DCF8CE4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1228724" y="4853282"/>
            <a:ext cx="1442768" cy="17449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0" name="TextBox 29">
            <a:extLst>
              <a:ext uri="{FF2B5EF4-FFF2-40B4-BE49-F238E27FC236}">
                <a16:creationId xmlns:a16="http://schemas.microsoft.com/office/drawing/2014/main" id="{CB86BF6E-A4BD-CAB1-A922-63138DF18EB4}"/>
              </a:ext>
            </a:extLst>
          </p:cNvPr>
          <p:cNvSpPr txBox="1"/>
          <p:nvPr/>
        </p:nvSpPr>
        <p:spPr>
          <a:xfrm>
            <a:off x="2671492" y="5541005"/>
            <a:ext cx="641510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Where can we find adjectives in the text?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A647969C-5FB2-B2B7-0BA6-A27C7C7A221D}"/>
              </a:ext>
            </a:extLst>
          </p:cNvPr>
          <p:cNvSpPr/>
          <p:nvPr/>
        </p:nvSpPr>
        <p:spPr>
          <a:xfrm>
            <a:off x="1464083" y="914890"/>
            <a:ext cx="2298619" cy="70426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85748A63-A64B-1469-0DB1-33F31A112102}"/>
              </a:ext>
            </a:extLst>
          </p:cNvPr>
          <p:cNvSpPr/>
          <p:nvPr/>
        </p:nvSpPr>
        <p:spPr>
          <a:xfrm>
            <a:off x="6573199" y="1503470"/>
            <a:ext cx="1225477" cy="70426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384733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5" grpId="0" animBg="1"/>
      <p:bldP spid="6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TextBox 24">
            <a:extLst>
              <a:ext uri="{FF2B5EF4-FFF2-40B4-BE49-F238E27FC236}">
                <a16:creationId xmlns:a16="http://schemas.microsoft.com/office/drawing/2014/main" id="{F5FBFF64-BC4D-4711-A581-21F0C65A32FC}"/>
              </a:ext>
            </a:extLst>
          </p:cNvPr>
          <p:cNvSpPr txBox="1"/>
          <p:nvPr/>
        </p:nvSpPr>
        <p:spPr>
          <a:xfrm>
            <a:off x="2535460" y="4048963"/>
            <a:ext cx="9550043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But we may not know what ‘toxic’ means!</a:t>
            </a:r>
          </a:p>
          <a:p>
            <a:r>
              <a:rPr lang="en-US" sz="2800" b="1">
                <a:solidFill>
                  <a:srgbClr val="0070C0"/>
                </a:solidFill>
              </a:rPr>
              <a:t>Are there any clues in the text to the meaning of the word ‘toxic’?    </a:t>
            </a:r>
          </a:p>
          <a:p>
            <a:endParaRPr lang="en-US" sz="2800" b="1">
              <a:solidFill>
                <a:srgbClr val="0070C0"/>
              </a:solidFill>
            </a:endParaRPr>
          </a:p>
        </p:txBody>
      </p:sp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B328E931-67DE-D72C-6979-42DC9F6D363B}"/>
              </a:ext>
            </a:extLst>
          </p:cNvPr>
          <p:cNvSpPr/>
          <p:nvPr/>
        </p:nvSpPr>
        <p:spPr>
          <a:xfrm>
            <a:off x="1114425" y="556530"/>
            <a:ext cx="10229850" cy="2598149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05FDADD-4212-93DF-C15A-C65D5B6EFC2D}"/>
              </a:ext>
            </a:extLst>
          </p:cNvPr>
          <p:cNvSpPr txBox="1"/>
          <p:nvPr/>
        </p:nvSpPr>
        <p:spPr>
          <a:xfrm>
            <a:off x="1426187" y="793775"/>
            <a:ext cx="9918088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/>
              <a:t>Electronic equipment must be disposed of carefully as it contains toxic materials that can injure or kill humans.</a:t>
            </a:r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A8396AE6-C4AC-BDE0-B7B3-55BFED550D31}"/>
              </a:ext>
            </a:extLst>
          </p:cNvPr>
          <p:cNvSpPr/>
          <p:nvPr/>
        </p:nvSpPr>
        <p:spPr>
          <a:xfrm>
            <a:off x="6595472" y="1503470"/>
            <a:ext cx="1207408" cy="70426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028" name="Picture 4">
            <a:extLst>
              <a:ext uri="{FF2B5EF4-FFF2-40B4-BE49-F238E27FC236}">
                <a16:creationId xmlns:a16="http://schemas.microsoft.com/office/drawing/2014/main" id="{35E02C0E-513A-4BA1-9578-E91B15A2ED9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301299" y="3234140"/>
            <a:ext cx="2233323" cy="27010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Rectangle 7">
            <a:extLst>
              <a:ext uri="{FF2B5EF4-FFF2-40B4-BE49-F238E27FC236}">
                <a16:creationId xmlns:a16="http://schemas.microsoft.com/office/drawing/2014/main" id="{301FC5D8-5E85-C2F0-A41C-C4FB8FCCEB82}"/>
              </a:ext>
            </a:extLst>
          </p:cNvPr>
          <p:cNvSpPr/>
          <p:nvPr/>
        </p:nvSpPr>
        <p:spPr>
          <a:xfrm>
            <a:off x="1464083" y="914890"/>
            <a:ext cx="2298619" cy="70426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1764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B328E931-67DE-D72C-6979-42DC9F6D363B}"/>
              </a:ext>
            </a:extLst>
          </p:cNvPr>
          <p:cNvSpPr/>
          <p:nvPr/>
        </p:nvSpPr>
        <p:spPr>
          <a:xfrm>
            <a:off x="1114425" y="556530"/>
            <a:ext cx="10229850" cy="2598149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05FDADD-4212-93DF-C15A-C65D5B6EFC2D}"/>
              </a:ext>
            </a:extLst>
          </p:cNvPr>
          <p:cNvSpPr txBox="1"/>
          <p:nvPr/>
        </p:nvSpPr>
        <p:spPr>
          <a:xfrm>
            <a:off x="1426187" y="793775"/>
            <a:ext cx="9918088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/>
              <a:t>Electronic equipment must be disposed of carefully as it contains toxic materials that can injure or kill humans.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C671DA6F-AFCE-C161-378E-2F049F61D472}"/>
              </a:ext>
            </a:extLst>
          </p:cNvPr>
          <p:cNvSpPr txBox="1"/>
          <p:nvPr/>
        </p:nvSpPr>
        <p:spPr>
          <a:xfrm>
            <a:off x="854173" y="4674027"/>
            <a:ext cx="912603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 dirty="0">
                <a:solidFill>
                  <a:srgbClr val="0070C0"/>
                </a:solidFill>
              </a:rPr>
              <a:t>‘can injure or kill humans’ = something bad / dangerous</a:t>
            </a:r>
          </a:p>
          <a:p>
            <a:r>
              <a:rPr lang="en-US" sz="2800" b="1" dirty="0">
                <a:solidFill>
                  <a:srgbClr val="0070C0"/>
                </a:solidFill>
              </a:rPr>
              <a:t>This is similar in meaning to ‘harmful to people’.</a:t>
            </a:r>
          </a:p>
        </p:txBody>
      </p:sp>
      <p:pic>
        <p:nvPicPr>
          <p:cNvPr id="14" name="Picture 2">
            <a:extLst>
              <a:ext uri="{FF2B5EF4-FFF2-40B4-BE49-F238E27FC236}">
                <a16:creationId xmlns:a16="http://schemas.microsoft.com/office/drawing/2014/main" id="{7B92E1FB-CEBF-457B-6635-432E87B7A91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9920308" y="4316836"/>
            <a:ext cx="1594509" cy="25411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Rectangle 2">
            <a:extLst>
              <a:ext uri="{FF2B5EF4-FFF2-40B4-BE49-F238E27FC236}">
                <a16:creationId xmlns:a16="http://schemas.microsoft.com/office/drawing/2014/main" id="{813862F9-647F-7331-EF66-8E8BD279A9F3}"/>
              </a:ext>
            </a:extLst>
          </p:cNvPr>
          <p:cNvSpPr/>
          <p:nvPr/>
        </p:nvSpPr>
        <p:spPr>
          <a:xfrm>
            <a:off x="1426187" y="2209330"/>
            <a:ext cx="5691035" cy="630233"/>
          </a:xfrm>
          <a:prstGeom prst="rect">
            <a:avLst/>
          </a:prstGeom>
          <a:solidFill>
            <a:schemeClr val="accent6">
              <a:lumMod val="40000"/>
              <a:lumOff val="60000"/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698559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3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B328E931-67DE-D72C-6979-42DC9F6D363B}"/>
              </a:ext>
            </a:extLst>
          </p:cNvPr>
          <p:cNvSpPr/>
          <p:nvPr/>
        </p:nvSpPr>
        <p:spPr>
          <a:xfrm>
            <a:off x="1114425" y="556530"/>
            <a:ext cx="10229850" cy="2598149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05FDADD-4212-93DF-C15A-C65D5B6EFC2D}"/>
              </a:ext>
            </a:extLst>
          </p:cNvPr>
          <p:cNvSpPr txBox="1"/>
          <p:nvPr/>
        </p:nvSpPr>
        <p:spPr>
          <a:xfrm>
            <a:off x="1426187" y="793775"/>
            <a:ext cx="9918088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/>
              <a:t>Electronic equipment must be disposed of carefully as it contains toxic materials that can injure or kill humans.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E350F777-A1D2-4DC5-5E89-17319358AD60}"/>
              </a:ext>
            </a:extLst>
          </p:cNvPr>
          <p:cNvSpPr txBox="1"/>
          <p:nvPr/>
        </p:nvSpPr>
        <p:spPr>
          <a:xfrm>
            <a:off x="1585062" y="3535799"/>
            <a:ext cx="960033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600" b="1"/>
              <a:t>Find a word in the paragraph above that has a similar meaning to ‘harmful to people’.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BFB5640-194C-3E8F-4DD8-A4DAA92E3744}"/>
              </a:ext>
            </a:extLst>
          </p:cNvPr>
          <p:cNvSpPr txBox="1"/>
          <p:nvPr/>
        </p:nvSpPr>
        <p:spPr>
          <a:xfrm>
            <a:off x="1864609" y="5664672"/>
            <a:ext cx="805128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dirty="0">
                <a:solidFill>
                  <a:srgbClr val="0070C0"/>
                </a:solidFill>
                <a:latin typeface="Kristen ITC" panose="03050502040202030202" pitchFamily="66" charset="0"/>
              </a:rPr>
              <a:t>So the answer to this question is …</a:t>
            </a:r>
          </a:p>
        </p:txBody>
      </p:sp>
      <p:pic>
        <p:nvPicPr>
          <p:cNvPr id="8" name="Picture 4">
            <a:extLst>
              <a:ext uri="{FF2B5EF4-FFF2-40B4-BE49-F238E27FC236}">
                <a16:creationId xmlns:a16="http://schemas.microsoft.com/office/drawing/2014/main" id="{5EC492BC-DF2B-9B5D-B05C-FDA672BAE9D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1228724" y="4853282"/>
            <a:ext cx="1442768" cy="17449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155402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89FC0DD8-6899-4E10-9900-281A1035BD11}"/>
              </a:ext>
            </a:extLst>
          </p:cNvPr>
          <p:cNvSpPr/>
          <p:nvPr/>
        </p:nvSpPr>
        <p:spPr>
          <a:xfrm>
            <a:off x="1114425" y="556530"/>
            <a:ext cx="10229850" cy="2598149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21163C39-DCA4-8266-7E95-4639F4B9DC1F}"/>
              </a:ext>
            </a:extLst>
          </p:cNvPr>
          <p:cNvSpPr txBox="1"/>
          <p:nvPr/>
        </p:nvSpPr>
        <p:spPr>
          <a:xfrm>
            <a:off x="1426187" y="793775"/>
            <a:ext cx="9918088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/>
              <a:t>Electronic equipment must be disposed of carefully as it contains toxic materials that can injure or kill humans.</a:t>
            </a:r>
          </a:p>
        </p:txBody>
      </p:sp>
      <p:cxnSp>
        <p:nvCxnSpPr>
          <p:cNvPr id="5" name="Straight Connector 4">
            <a:extLst>
              <a:ext uri="{FF2B5EF4-FFF2-40B4-BE49-F238E27FC236}">
                <a16:creationId xmlns:a16="http://schemas.microsoft.com/office/drawing/2014/main" id="{FE7DF150-732F-4930-073B-1D10B24EEF8C}"/>
              </a:ext>
            </a:extLst>
          </p:cNvPr>
          <p:cNvCxnSpPr>
            <a:cxnSpLocks/>
          </p:cNvCxnSpPr>
          <p:nvPr/>
        </p:nvCxnSpPr>
        <p:spPr>
          <a:xfrm>
            <a:off x="2939999" y="5783513"/>
            <a:ext cx="3545693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" name="TextBox 3">
            <a:extLst>
              <a:ext uri="{FF2B5EF4-FFF2-40B4-BE49-F238E27FC236}">
                <a16:creationId xmlns:a16="http://schemas.microsoft.com/office/drawing/2014/main" id="{1F8BFE55-ADF3-6A2B-7F6D-8A77EE24ACB7}"/>
              </a:ext>
            </a:extLst>
          </p:cNvPr>
          <p:cNvSpPr txBox="1"/>
          <p:nvPr/>
        </p:nvSpPr>
        <p:spPr>
          <a:xfrm>
            <a:off x="3852923" y="5260293"/>
            <a:ext cx="161900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>
                <a:solidFill>
                  <a:srgbClr val="0070C0"/>
                </a:solidFill>
                <a:latin typeface="Kristen ITC" panose="03050502040202030202" pitchFamily="66" charset="0"/>
              </a:rPr>
              <a:t>toxic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2B1B9623-5687-8985-CD47-FE4D3DAE2EA4}"/>
              </a:ext>
            </a:extLst>
          </p:cNvPr>
          <p:cNvSpPr txBox="1"/>
          <p:nvPr/>
        </p:nvSpPr>
        <p:spPr>
          <a:xfrm>
            <a:off x="1585062" y="3535799"/>
            <a:ext cx="960033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600" b="1"/>
              <a:t>Find a word in the paragraph above that has a similar meaning to ‘harmful to people’.</a:t>
            </a:r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1127AB86-839B-3B6C-D924-4345035E476A}"/>
              </a:ext>
            </a:extLst>
          </p:cNvPr>
          <p:cNvGrpSpPr/>
          <p:nvPr/>
        </p:nvGrpSpPr>
        <p:grpSpPr>
          <a:xfrm>
            <a:off x="9413265" y="5594372"/>
            <a:ext cx="2143125" cy="896458"/>
            <a:chOff x="9934575" y="5504342"/>
            <a:chExt cx="2143125" cy="896458"/>
          </a:xfrm>
        </p:grpSpPr>
        <p:pic>
          <p:nvPicPr>
            <p:cNvPr id="8" name="Graphic 7" descr="Thumbs up sign outline">
              <a:extLst>
                <a:ext uri="{FF2B5EF4-FFF2-40B4-BE49-F238E27FC236}">
                  <a16:creationId xmlns:a16="http://schemas.microsoft.com/office/drawing/2014/main" id="{EE4B5474-57D9-00AE-3A18-958F4AD40ABC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9934575" y="5504342"/>
              <a:ext cx="896458" cy="896458"/>
            </a:xfrm>
            <a:prstGeom prst="rect">
              <a:avLst/>
            </a:prstGeom>
          </p:spPr>
        </p:pic>
        <p:sp>
          <p:nvSpPr>
            <p:cNvPr id="9" name="TextBox 8">
              <a:extLst>
                <a:ext uri="{FF2B5EF4-FFF2-40B4-BE49-F238E27FC236}">
                  <a16:creationId xmlns:a16="http://schemas.microsoft.com/office/drawing/2014/main" id="{26DFBF57-4B8A-03DA-FFE9-D13534E483D2}"/>
                </a:ext>
              </a:extLst>
            </p:cNvPr>
            <p:cNvSpPr txBox="1"/>
            <p:nvPr/>
          </p:nvSpPr>
          <p:spPr>
            <a:xfrm>
              <a:off x="10512927" y="5536079"/>
              <a:ext cx="1564773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b="1">
                  <a:solidFill>
                    <a:schemeClr val="accent2">
                      <a:lumMod val="50000"/>
                    </a:schemeClr>
                  </a:solidFill>
                </a:rPr>
                <a:t>Well done!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5264897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3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69C3FD2-AF88-4EF1-AFB7-5D31BD5AA0BF}"/>
              </a:ext>
            </a:extLst>
          </p:cNvPr>
          <p:cNvSpPr>
            <a:spLocks noGrp="1"/>
          </p:cNvSpPr>
          <p:nvPr>
            <p:ph idx="4294967295"/>
          </p:nvPr>
        </p:nvSpPr>
        <p:spPr>
          <a:xfrm>
            <a:off x="4873625" y="1792288"/>
            <a:ext cx="5565775" cy="3932237"/>
          </a:xfrm>
        </p:spPr>
        <p:txBody>
          <a:bodyPr/>
          <a:lstStyle/>
          <a:p>
            <a:pPr marL="0" indent="0">
              <a:buNone/>
            </a:pPr>
            <a:r>
              <a:rPr lang="en-US">
                <a:solidFill>
                  <a:srgbClr val="0070C0"/>
                </a:solidFill>
                <a:latin typeface="Kristen ITC" panose="03050502040202030202" pitchFamily="66" charset="0"/>
              </a:rPr>
              <a:t>Let’s look at more examples!</a:t>
            </a:r>
          </a:p>
        </p:txBody>
      </p:sp>
      <p:pic>
        <p:nvPicPr>
          <p:cNvPr id="7" name="Picture 4">
            <a:extLst>
              <a:ext uri="{FF2B5EF4-FFF2-40B4-BE49-F238E27FC236}">
                <a16:creationId xmlns:a16="http://schemas.microsoft.com/office/drawing/2014/main" id="{DF83CE09-9749-46CA-8F6E-F62A779E196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840707" y="819317"/>
            <a:ext cx="3819053" cy="46189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5160260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AC151054-C9EA-A0AE-DACE-E1C64209D54B}"/>
              </a:ext>
            </a:extLst>
          </p:cNvPr>
          <p:cNvSpPr/>
          <p:nvPr/>
        </p:nvSpPr>
        <p:spPr>
          <a:xfrm>
            <a:off x="1114425" y="556531"/>
            <a:ext cx="10229850" cy="2116742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8A862082-B2B3-0662-3565-CD44D3B4354F}"/>
              </a:ext>
            </a:extLst>
          </p:cNvPr>
          <p:cNvSpPr txBox="1"/>
          <p:nvPr/>
        </p:nvSpPr>
        <p:spPr>
          <a:xfrm>
            <a:off x="1413161" y="654957"/>
            <a:ext cx="10029825" cy="193899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4000"/>
              <a:t>She was unable to breathe, but she didn’t panic. She knew that it would be dangerous to swim quickly to the surface.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D5519B68-C304-6E31-00E4-F8108376F1DB}"/>
              </a:ext>
            </a:extLst>
          </p:cNvPr>
          <p:cNvSpPr txBox="1"/>
          <p:nvPr/>
        </p:nvSpPr>
        <p:spPr>
          <a:xfrm>
            <a:off x="1413161" y="3107510"/>
            <a:ext cx="10029825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200" b="1"/>
              <a:t>Find a word in the paragraph above that has a similar meaning to ‘feel very frightened’.</a:t>
            </a:r>
          </a:p>
        </p:txBody>
      </p: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5FCCB904-67B5-9BA3-0E04-05AD6CE0D132}"/>
              </a:ext>
            </a:extLst>
          </p:cNvPr>
          <p:cNvCxnSpPr>
            <a:cxnSpLocks/>
          </p:cNvCxnSpPr>
          <p:nvPr/>
        </p:nvCxnSpPr>
        <p:spPr>
          <a:xfrm>
            <a:off x="2939999" y="5783513"/>
            <a:ext cx="3545693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2159531371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4">
            <a:extLst>
              <a:ext uri="{FF2B5EF4-FFF2-40B4-BE49-F238E27FC236}">
                <a16:creationId xmlns:a16="http://schemas.microsoft.com/office/drawing/2014/main" id="{8C69EB5A-3992-8739-A691-DFF2A73EEB2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472209" y="3971722"/>
            <a:ext cx="1861632" cy="225155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45CB2501-F6AF-FFCF-589A-FDDCDFBCD268}"/>
              </a:ext>
            </a:extLst>
          </p:cNvPr>
          <p:cNvSpPr txBox="1"/>
          <p:nvPr/>
        </p:nvSpPr>
        <p:spPr>
          <a:xfrm>
            <a:off x="2411735" y="4447743"/>
            <a:ext cx="3318069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What part of speech is the word that you’re looking for?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DEC93613-C926-3A99-651F-7E2FB33E7650}"/>
              </a:ext>
            </a:extLst>
          </p:cNvPr>
          <p:cNvSpPr txBox="1"/>
          <p:nvPr/>
        </p:nvSpPr>
        <p:spPr>
          <a:xfrm rot="21275853">
            <a:off x="6671406" y="5038271"/>
            <a:ext cx="1296240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 verb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AA65706D-C69B-E29E-969C-136A94CC36C6}"/>
              </a:ext>
            </a:extLst>
          </p:cNvPr>
          <p:cNvSpPr txBox="1"/>
          <p:nvPr/>
        </p:nvSpPr>
        <p:spPr>
          <a:xfrm rot="226548">
            <a:off x="8388293" y="5291606"/>
            <a:ext cx="1886694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n adverb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40DBAAA5-A5A6-3BC8-D587-87EB9383BC59}"/>
              </a:ext>
            </a:extLst>
          </p:cNvPr>
          <p:cNvSpPr txBox="1"/>
          <p:nvPr/>
        </p:nvSpPr>
        <p:spPr>
          <a:xfrm>
            <a:off x="7664002" y="4631168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08B3A80D-2D7F-5401-CDAB-9F72EEE8498D}"/>
              </a:ext>
            </a:extLst>
          </p:cNvPr>
          <p:cNvSpPr txBox="1"/>
          <p:nvPr/>
        </p:nvSpPr>
        <p:spPr>
          <a:xfrm>
            <a:off x="9996789" y="4942688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pic>
        <p:nvPicPr>
          <p:cNvPr id="22" name="Picture 2">
            <a:extLst>
              <a:ext uri="{FF2B5EF4-FFF2-40B4-BE49-F238E27FC236}">
                <a16:creationId xmlns:a16="http://schemas.microsoft.com/office/drawing/2014/main" id="{CC19EC52-491D-47DE-A9D5-04E047E4C0A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0470990" y="4343651"/>
            <a:ext cx="1594509" cy="25411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3" name="TextBox 22">
            <a:extLst>
              <a:ext uri="{FF2B5EF4-FFF2-40B4-BE49-F238E27FC236}">
                <a16:creationId xmlns:a16="http://schemas.microsoft.com/office/drawing/2014/main" id="{8B09A4EA-51F8-4461-0EC0-6BE8A3879440}"/>
              </a:ext>
            </a:extLst>
          </p:cNvPr>
          <p:cNvSpPr txBox="1"/>
          <p:nvPr/>
        </p:nvSpPr>
        <p:spPr>
          <a:xfrm rot="21275853">
            <a:off x="5299546" y="5975194"/>
            <a:ext cx="2092419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n adjective</a:t>
            </a: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4C24AD54-5FAC-66FB-AD44-4483070A33E4}"/>
              </a:ext>
            </a:extLst>
          </p:cNvPr>
          <p:cNvSpPr txBox="1"/>
          <p:nvPr/>
        </p:nvSpPr>
        <p:spPr>
          <a:xfrm>
            <a:off x="7119262" y="5515158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sp>
        <p:nvSpPr>
          <p:cNvPr id="25" name="Oval 24">
            <a:extLst>
              <a:ext uri="{FF2B5EF4-FFF2-40B4-BE49-F238E27FC236}">
                <a16:creationId xmlns:a16="http://schemas.microsoft.com/office/drawing/2014/main" id="{0D288230-7604-8650-61E1-FE7832D5D648}"/>
              </a:ext>
            </a:extLst>
          </p:cNvPr>
          <p:cNvSpPr/>
          <p:nvPr/>
        </p:nvSpPr>
        <p:spPr>
          <a:xfrm rot="21291100">
            <a:off x="6376137" y="4829070"/>
            <a:ext cx="1893052" cy="830996"/>
          </a:xfrm>
          <a:custGeom>
            <a:avLst/>
            <a:gdLst>
              <a:gd name="connsiteX0" fmla="*/ 0 w 1893052"/>
              <a:gd name="connsiteY0" fmla="*/ 415498 h 830996"/>
              <a:gd name="connsiteX1" fmla="*/ 946526 w 1893052"/>
              <a:gd name="connsiteY1" fmla="*/ 0 h 830996"/>
              <a:gd name="connsiteX2" fmla="*/ 1893052 w 1893052"/>
              <a:gd name="connsiteY2" fmla="*/ 415498 h 830996"/>
              <a:gd name="connsiteX3" fmla="*/ 946526 w 1893052"/>
              <a:gd name="connsiteY3" fmla="*/ 830996 h 830996"/>
              <a:gd name="connsiteX4" fmla="*/ 0 w 1893052"/>
              <a:gd name="connsiteY4" fmla="*/ 415498 h 8309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893052" h="830996" extrusionOk="0">
                <a:moveTo>
                  <a:pt x="0" y="415498"/>
                </a:moveTo>
                <a:cubicBezTo>
                  <a:pt x="1529" y="174524"/>
                  <a:pt x="485374" y="49622"/>
                  <a:pt x="946526" y="0"/>
                </a:cubicBezTo>
                <a:cubicBezTo>
                  <a:pt x="1432368" y="-13956"/>
                  <a:pt x="1897285" y="171183"/>
                  <a:pt x="1893052" y="415498"/>
                </a:cubicBezTo>
                <a:cubicBezTo>
                  <a:pt x="1964184" y="597955"/>
                  <a:pt x="1464294" y="843697"/>
                  <a:pt x="946526" y="830996"/>
                </a:cubicBezTo>
                <a:cubicBezTo>
                  <a:pt x="419671" y="844471"/>
                  <a:pt x="15406" y="631421"/>
                  <a:pt x="0" y="415498"/>
                </a:cubicBezTo>
                <a:close/>
              </a:path>
            </a:pathLst>
          </a:custGeom>
          <a:noFill/>
          <a:ln w="28575">
            <a:solidFill>
              <a:srgbClr val="FF0000"/>
            </a:solidFill>
            <a:extLst>
              <a:ext uri="{C807C97D-BFC1-408E-A445-0C87EB9F89A2}">
                <ask:lineSketchStyleProps xmlns:ask="http://schemas.microsoft.com/office/drawing/2018/sketchyshapes" sd="4266498984">
                  <a:prstGeom prst="ellipse">
                    <a:avLst/>
                  </a:prstGeom>
                  <ask:type>
                    <ask:lineSketchCurve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FD21EE18-FD81-D5E7-4A64-2F23C3392300}"/>
              </a:ext>
            </a:extLst>
          </p:cNvPr>
          <p:cNvSpPr txBox="1"/>
          <p:nvPr/>
        </p:nvSpPr>
        <p:spPr>
          <a:xfrm rot="21257883">
            <a:off x="7772813" y="6211229"/>
            <a:ext cx="1886694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 noun</a:t>
            </a: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3D1DD0AE-3496-4F99-B266-D94768E6DFE0}"/>
              </a:ext>
            </a:extLst>
          </p:cNvPr>
          <p:cNvSpPr txBox="1"/>
          <p:nvPr/>
        </p:nvSpPr>
        <p:spPr>
          <a:xfrm rot="21031335">
            <a:off x="9323906" y="5703299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DA5657C9-6255-A5CD-64D7-F00F5BC8B92E}"/>
              </a:ext>
            </a:extLst>
          </p:cNvPr>
          <p:cNvSpPr txBox="1"/>
          <p:nvPr/>
        </p:nvSpPr>
        <p:spPr>
          <a:xfrm>
            <a:off x="1403025" y="2897317"/>
            <a:ext cx="10029825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200" b="1"/>
              <a:t>Find a word in the paragraph above that has a similar meaning to ‘feel very frightened’.</a:t>
            </a:r>
          </a:p>
        </p:txBody>
      </p:sp>
      <p:sp>
        <p:nvSpPr>
          <p:cNvPr id="29" name="Rectangle: Rounded Corners 28">
            <a:extLst>
              <a:ext uri="{FF2B5EF4-FFF2-40B4-BE49-F238E27FC236}">
                <a16:creationId xmlns:a16="http://schemas.microsoft.com/office/drawing/2014/main" id="{410B5870-F0CA-0CCE-29A0-B51293E5FF84}"/>
              </a:ext>
            </a:extLst>
          </p:cNvPr>
          <p:cNvSpPr/>
          <p:nvPr/>
        </p:nvSpPr>
        <p:spPr>
          <a:xfrm>
            <a:off x="1114425" y="556531"/>
            <a:ext cx="10229850" cy="2116742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0" name="TextBox 29">
            <a:extLst>
              <a:ext uri="{FF2B5EF4-FFF2-40B4-BE49-F238E27FC236}">
                <a16:creationId xmlns:a16="http://schemas.microsoft.com/office/drawing/2014/main" id="{AAB524E2-72DE-973F-D70E-A4357843FAA5}"/>
              </a:ext>
            </a:extLst>
          </p:cNvPr>
          <p:cNvSpPr txBox="1"/>
          <p:nvPr/>
        </p:nvSpPr>
        <p:spPr>
          <a:xfrm>
            <a:off x="1413161" y="654957"/>
            <a:ext cx="10029825" cy="193899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4000"/>
              <a:t>She was unable to breathe, but she didn’t panic. She knew that it would be dangerous to swim quickly to the surfa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22225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8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1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8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0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9" grpId="0" animBg="1"/>
      <p:bldP spid="19" grpId="0" animBg="1"/>
      <p:bldP spid="20" grpId="0"/>
      <p:bldP spid="21" grpId="0"/>
      <p:bldP spid="23" grpId="0" animBg="1"/>
      <p:bldP spid="24" grpId="0"/>
      <p:bldP spid="25" grpId="0" animBg="1"/>
      <p:bldP spid="26" grpId="0" animBg="1"/>
      <p:bldP spid="27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extBox 29">
            <a:extLst>
              <a:ext uri="{FF2B5EF4-FFF2-40B4-BE49-F238E27FC236}">
                <a16:creationId xmlns:a16="http://schemas.microsoft.com/office/drawing/2014/main" id="{CB86BF6E-A4BD-CAB1-A922-63138DF18EB4}"/>
              </a:ext>
            </a:extLst>
          </p:cNvPr>
          <p:cNvSpPr txBox="1"/>
          <p:nvPr/>
        </p:nvSpPr>
        <p:spPr>
          <a:xfrm>
            <a:off x="2638484" y="4323077"/>
            <a:ext cx="765994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Where can we find verbs in the paragraph?</a:t>
            </a:r>
          </a:p>
        </p:txBody>
      </p:sp>
      <p:pic>
        <p:nvPicPr>
          <p:cNvPr id="9" name="Picture 4">
            <a:extLst>
              <a:ext uri="{FF2B5EF4-FFF2-40B4-BE49-F238E27FC236}">
                <a16:creationId xmlns:a16="http://schemas.microsoft.com/office/drawing/2014/main" id="{9642EC17-32A6-E946-26A7-147E80263C2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301299" y="3234140"/>
            <a:ext cx="2233323" cy="27010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Rectangle 4">
            <a:extLst>
              <a:ext uri="{FF2B5EF4-FFF2-40B4-BE49-F238E27FC236}">
                <a16:creationId xmlns:a16="http://schemas.microsoft.com/office/drawing/2014/main" id="{A647969C-5FB2-B2B7-0BA6-A27C7C7A221D}"/>
              </a:ext>
            </a:extLst>
          </p:cNvPr>
          <p:cNvSpPr/>
          <p:nvPr/>
        </p:nvSpPr>
        <p:spPr>
          <a:xfrm>
            <a:off x="2376644" y="748393"/>
            <a:ext cx="856207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" name="Rectangle 11">
            <a:extLst>
              <a:ext uri="{FF2B5EF4-FFF2-40B4-BE49-F238E27FC236}">
                <a16:creationId xmlns:a16="http://schemas.microsoft.com/office/drawing/2014/main" id="{62366C6E-9B4F-9CEC-2B57-4917FE554633}"/>
              </a:ext>
            </a:extLst>
          </p:cNvPr>
          <p:cNvSpPr/>
          <p:nvPr/>
        </p:nvSpPr>
        <p:spPr>
          <a:xfrm>
            <a:off x="8872694" y="748393"/>
            <a:ext cx="1263877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ectangle 12">
            <a:extLst>
              <a:ext uri="{FF2B5EF4-FFF2-40B4-BE49-F238E27FC236}">
                <a16:creationId xmlns:a16="http://schemas.microsoft.com/office/drawing/2014/main" id="{106A9C8F-971A-5EA1-405D-D375F65FF276}"/>
              </a:ext>
            </a:extLst>
          </p:cNvPr>
          <p:cNvSpPr/>
          <p:nvPr/>
        </p:nvSpPr>
        <p:spPr>
          <a:xfrm>
            <a:off x="1520437" y="1413169"/>
            <a:ext cx="1139068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ectangle 13">
            <a:extLst>
              <a:ext uri="{FF2B5EF4-FFF2-40B4-BE49-F238E27FC236}">
                <a16:creationId xmlns:a16="http://schemas.microsoft.com/office/drawing/2014/main" id="{D0936738-E3B0-ADF8-DE88-E4DB004E5C54}"/>
              </a:ext>
            </a:extLst>
          </p:cNvPr>
          <p:cNvSpPr/>
          <p:nvPr/>
        </p:nvSpPr>
        <p:spPr>
          <a:xfrm>
            <a:off x="3770824" y="1332827"/>
            <a:ext cx="1139068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3AED932F-1074-1E90-95A9-214D13AF4643}"/>
              </a:ext>
            </a:extLst>
          </p:cNvPr>
          <p:cNvSpPr/>
          <p:nvPr/>
        </p:nvSpPr>
        <p:spPr>
          <a:xfrm>
            <a:off x="5394164" y="723707"/>
            <a:ext cx="1578500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926D21E7-10D9-33BE-25E1-4B550E286CF6}"/>
              </a:ext>
            </a:extLst>
          </p:cNvPr>
          <p:cNvSpPr/>
          <p:nvPr/>
        </p:nvSpPr>
        <p:spPr>
          <a:xfrm>
            <a:off x="7643969" y="1328156"/>
            <a:ext cx="617669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D49D383B-8BA0-6F23-3FEE-CA2E5C55D558}"/>
              </a:ext>
            </a:extLst>
          </p:cNvPr>
          <p:cNvSpPr/>
          <p:nvPr/>
        </p:nvSpPr>
        <p:spPr>
          <a:xfrm>
            <a:off x="1520437" y="2055155"/>
            <a:ext cx="1139068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Rectangle: Rounded Corners 10">
            <a:extLst>
              <a:ext uri="{FF2B5EF4-FFF2-40B4-BE49-F238E27FC236}">
                <a16:creationId xmlns:a16="http://schemas.microsoft.com/office/drawing/2014/main" id="{F3746EFC-A1F8-9077-189A-A45264D19481}"/>
              </a:ext>
            </a:extLst>
          </p:cNvPr>
          <p:cNvSpPr/>
          <p:nvPr/>
        </p:nvSpPr>
        <p:spPr>
          <a:xfrm>
            <a:off x="1114425" y="556531"/>
            <a:ext cx="10229850" cy="2116742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19CC27DF-6CB2-84A0-DF7A-ECD1BD9A20F3}"/>
              </a:ext>
            </a:extLst>
          </p:cNvPr>
          <p:cNvSpPr txBox="1"/>
          <p:nvPr/>
        </p:nvSpPr>
        <p:spPr>
          <a:xfrm>
            <a:off x="1413161" y="654957"/>
            <a:ext cx="10029825" cy="193899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4000"/>
              <a:t>She was unable to breathe, but she didn’t panic. She knew that it would be dangerous to swim quickly to the surfa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5546079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0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2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30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5" grpId="0" animBg="1"/>
      <p:bldP spid="12" grpId="0" animBg="1"/>
      <p:bldP spid="13" grpId="0" animBg="1"/>
      <p:bldP spid="14" grpId="0" animBg="1"/>
      <p:bldP spid="2" grpId="0" animBg="1"/>
      <p:bldP spid="6" grpId="0" animBg="1"/>
      <p:bldP spid="7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extBox 29">
            <a:extLst>
              <a:ext uri="{FF2B5EF4-FFF2-40B4-BE49-F238E27FC236}">
                <a16:creationId xmlns:a16="http://schemas.microsoft.com/office/drawing/2014/main" id="{CB86BF6E-A4BD-CAB1-A922-63138DF18EB4}"/>
              </a:ext>
            </a:extLst>
          </p:cNvPr>
          <p:cNvSpPr txBox="1"/>
          <p:nvPr/>
        </p:nvSpPr>
        <p:spPr>
          <a:xfrm>
            <a:off x="2638484" y="4323077"/>
            <a:ext cx="8448616" cy="523220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Which word is best replaced with ‘feel very frightened’?</a:t>
            </a:r>
          </a:p>
        </p:txBody>
      </p:sp>
      <p:pic>
        <p:nvPicPr>
          <p:cNvPr id="9" name="Picture 4">
            <a:extLst>
              <a:ext uri="{FF2B5EF4-FFF2-40B4-BE49-F238E27FC236}">
                <a16:creationId xmlns:a16="http://schemas.microsoft.com/office/drawing/2014/main" id="{9642EC17-32A6-E946-26A7-147E80263C2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301299" y="3234140"/>
            <a:ext cx="2233323" cy="27010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Rectangle 7">
            <a:extLst>
              <a:ext uri="{FF2B5EF4-FFF2-40B4-BE49-F238E27FC236}">
                <a16:creationId xmlns:a16="http://schemas.microsoft.com/office/drawing/2014/main" id="{2F19FE59-2AA1-AC56-1BA3-974942737C10}"/>
              </a:ext>
            </a:extLst>
          </p:cNvPr>
          <p:cNvSpPr/>
          <p:nvPr/>
        </p:nvSpPr>
        <p:spPr>
          <a:xfrm>
            <a:off x="2376644" y="748393"/>
            <a:ext cx="856207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777CD4DE-E27B-351E-AAF7-50F476EB5E09}"/>
              </a:ext>
            </a:extLst>
          </p:cNvPr>
          <p:cNvSpPr/>
          <p:nvPr/>
        </p:nvSpPr>
        <p:spPr>
          <a:xfrm>
            <a:off x="8872694" y="748393"/>
            <a:ext cx="1263877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E71AD725-22C6-8C99-3B2B-6683B4FF2A99}"/>
              </a:ext>
            </a:extLst>
          </p:cNvPr>
          <p:cNvSpPr/>
          <p:nvPr/>
        </p:nvSpPr>
        <p:spPr>
          <a:xfrm>
            <a:off x="1520437" y="1413169"/>
            <a:ext cx="1139068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ectangle 14">
            <a:extLst>
              <a:ext uri="{FF2B5EF4-FFF2-40B4-BE49-F238E27FC236}">
                <a16:creationId xmlns:a16="http://schemas.microsoft.com/office/drawing/2014/main" id="{2015F936-68E5-233E-B3FC-86CC83CB4363}"/>
              </a:ext>
            </a:extLst>
          </p:cNvPr>
          <p:cNvSpPr/>
          <p:nvPr/>
        </p:nvSpPr>
        <p:spPr>
          <a:xfrm>
            <a:off x="3770824" y="1332827"/>
            <a:ext cx="1139068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6" name="Rectangle 15">
            <a:extLst>
              <a:ext uri="{FF2B5EF4-FFF2-40B4-BE49-F238E27FC236}">
                <a16:creationId xmlns:a16="http://schemas.microsoft.com/office/drawing/2014/main" id="{7EDA62A9-34C3-1758-69AA-AC53FD95EFFA}"/>
              </a:ext>
            </a:extLst>
          </p:cNvPr>
          <p:cNvSpPr/>
          <p:nvPr/>
        </p:nvSpPr>
        <p:spPr>
          <a:xfrm>
            <a:off x="5394164" y="723707"/>
            <a:ext cx="1578500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Rectangle 16">
            <a:extLst>
              <a:ext uri="{FF2B5EF4-FFF2-40B4-BE49-F238E27FC236}">
                <a16:creationId xmlns:a16="http://schemas.microsoft.com/office/drawing/2014/main" id="{24C4CF85-4A06-9CB2-348E-EB142A8C8F94}"/>
              </a:ext>
            </a:extLst>
          </p:cNvPr>
          <p:cNvSpPr/>
          <p:nvPr/>
        </p:nvSpPr>
        <p:spPr>
          <a:xfrm>
            <a:off x="7643969" y="1328156"/>
            <a:ext cx="617669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Rectangle 17">
            <a:extLst>
              <a:ext uri="{FF2B5EF4-FFF2-40B4-BE49-F238E27FC236}">
                <a16:creationId xmlns:a16="http://schemas.microsoft.com/office/drawing/2014/main" id="{F83F40C7-7F37-CDDB-0288-D029B03240C9}"/>
              </a:ext>
            </a:extLst>
          </p:cNvPr>
          <p:cNvSpPr/>
          <p:nvPr/>
        </p:nvSpPr>
        <p:spPr>
          <a:xfrm>
            <a:off x="1520437" y="2055155"/>
            <a:ext cx="1139068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Rectangle: Rounded Corners 18">
            <a:extLst>
              <a:ext uri="{FF2B5EF4-FFF2-40B4-BE49-F238E27FC236}">
                <a16:creationId xmlns:a16="http://schemas.microsoft.com/office/drawing/2014/main" id="{ABD8539A-392F-351A-25AD-24FC79F89FD0}"/>
              </a:ext>
            </a:extLst>
          </p:cNvPr>
          <p:cNvSpPr/>
          <p:nvPr/>
        </p:nvSpPr>
        <p:spPr>
          <a:xfrm>
            <a:off x="1114425" y="556531"/>
            <a:ext cx="10229850" cy="2116742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B1190507-E149-2D34-B560-E7B8BBFC9216}"/>
              </a:ext>
            </a:extLst>
          </p:cNvPr>
          <p:cNvSpPr txBox="1"/>
          <p:nvPr/>
        </p:nvSpPr>
        <p:spPr>
          <a:xfrm>
            <a:off x="1413161" y="654957"/>
            <a:ext cx="10029825" cy="193899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4000"/>
              <a:t>She was unable to breathe, but she didn’t panic. She knew that it would be dangerous to swim quickly to the surfa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738060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8" name="Picture 4">
            <a:extLst>
              <a:ext uri="{FF2B5EF4-FFF2-40B4-BE49-F238E27FC236}">
                <a16:creationId xmlns:a16="http://schemas.microsoft.com/office/drawing/2014/main" id="{35E02C0E-513A-4BA1-9578-E91B15A2ED9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312499" y="327212"/>
            <a:ext cx="1792275" cy="216766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2" name="TextBox 21">
            <a:extLst>
              <a:ext uri="{FF2B5EF4-FFF2-40B4-BE49-F238E27FC236}">
                <a16:creationId xmlns:a16="http://schemas.microsoft.com/office/drawing/2014/main" id="{B5ADFAB7-C69B-07DA-ECE1-8CF3DCFF9108}"/>
              </a:ext>
            </a:extLst>
          </p:cNvPr>
          <p:cNvSpPr txBox="1"/>
          <p:nvPr/>
        </p:nvSpPr>
        <p:spPr>
          <a:xfrm>
            <a:off x="2250042" y="503423"/>
            <a:ext cx="9538586" cy="1384995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800" b="1">
                <a:latin typeface="Kristen ITC"/>
              </a:rPr>
              <a:t>When we read, we may come across a word or an expression that we do not understand. When this happens, what can we do?</a:t>
            </a:r>
            <a:endParaRPr lang="en-US" sz="2800" b="1">
              <a:latin typeface="Kristen ITC" panose="03050502040202030202" pitchFamily="66" charset="0"/>
            </a:endParaRPr>
          </a:p>
        </p:txBody>
      </p:sp>
      <p:pic>
        <p:nvPicPr>
          <p:cNvPr id="29" name="wrong_disappoint">
            <a:hlinkClick r:id="" action="ppaction://media"/>
            <a:extLst>
              <a:ext uri="{FF2B5EF4-FFF2-40B4-BE49-F238E27FC236}">
                <a16:creationId xmlns:a16="http://schemas.microsoft.com/office/drawing/2014/main" id="{E6802A3B-4EF0-962A-D51E-497D42A62E9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12808799" y="3821078"/>
            <a:ext cx="406400" cy="406400"/>
          </a:xfrm>
          <a:prstGeom prst="rect">
            <a:avLst/>
          </a:prstGeom>
        </p:spPr>
      </p:pic>
      <p:pic>
        <p:nvPicPr>
          <p:cNvPr id="12" name="Picture 11">
            <a:extLst>
              <a:ext uri="{FF2B5EF4-FFF2-40B4-BE49-F238E27FC236}">
                <a16:creationId xmlns:a16="http://schemas.microsoft.com/office/drawing/2014/main" id="{B3E07EE2-4337-58D5-1A44-C8E41E48C751}"/>
              </a:ext>
            </a:extLst>
          </p:cNvPr>
          <p:cNvPicPr>
            <a:picLocks noChangeAspect="1"/>
          </p:cNvPicPr>
          <p:nvPr/>
        </p:nvPicPr>
        <p:blipFill rotWithShape="1">
          <a:blip r:embed="rId8" cstate="screen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9748" b="89794" l="7343" r="89849">
                        <a14:foregroundMark x1="7451" y1="39106" x2="11123" y2="64564"/>
                        <a14:foregroundMark x1="11123" y1="64564" x2="10043" y2="68119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8297033" y="4371288"/>
            <a:ext cx="2337913" cy="2201473"/>
          </a:xfrm>
          <a:prstGeom prst="rect">
            <a:avLst/>
          </a:prstGeom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B6AC1D8B-BCB0-4C9C-8A65-EC8571DDC538}"/>
              </a:ext>
            </a:extLst>
          </p:cNvPr>
          <p:cNvGrpSpPr/>
          <p:nvPr/>
        </p:nvGrpSpPr>
        <p:grpSpPr>
          <a:xfrm>
            <a:off x="2321827" y="1696182"/>
            <a:ext cx="8851922" cy="5157517"/>
            <a:chOff x="2321827" y="1696182"/>
            <a:chExt cx="8851922" cy="5157517"/>
          </a:xfrm>
        </p:grpSpPr>
        <p:sp>
          <p:nvSpPr>
            <p:cNvPr id="23" name="Thought Bubble: Cloud 22">
              <a:extLst>
                <a:ext uri="{FF2B5EF4-FFF2-40B4-BE49-F238E27FC236}">
                  <a16:creationId xmlns:a16="http://schemas.microsoft.com/office/drawing/2014/main" id="{AA181C8C-C373-B51A-8D07-A66796946DDE}"/>
                </a:ext>
              </a:extLst>
            </p:cNvPr>
            <p:cNvSpPr/>
            <p:nvPr/>
          </p:nvSpPr>
          <p:spPr>
            <a:xfrm>
              <a:off x="3787429" y="1696182"/>
              <a:ext cx="7386320" cy="2792260"/>
            </a:xfrm>
            <a:prstGeom prst="cloudCallout">
              <a:avLst/>
            </a:prstGeom>
            <a:solidFill>
              <a:schemeClr val="accent6">
                <a:lumMod val="20000"/>
                <a:lumOff val="80000"/>
              </a:schemeClr>
            </a:solidFill>
            <a:ln>
              <a:solidFill>
                <a:schemeClr val="accent6">
                  <a:lumMod val="20000"/>
                  <a:lumOff val="80000"/>
                </a:schemeClr>
              </a:solidFill>
            </a:ln>
          </p:spPr>
          <p:style>
            <a:lnRef idx="1">
              <a:schemeClr val="accent4"/>
            </a:lnRef>
            <a:fillRef idx="2">
              <a:schemeClr val="accent4"/>
            </a:fillRef>
            <a:effectRef idx="1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sz="4800" b="1">
                  <a:latin typeface="Kristen ITC"/>
                </a:rPr>
                <a:t>Ignore it!</a:t>
              </a:r>
              <a:endParaRPr lang="en-HK" sz="4800"/>
            </a:p>
          </p:txBody>
        </p:sp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E4FCCBA7-700D-8F44-DCB4-4F298FC99F8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0" cstate="screen">
              <a:alphaModFix/>
              <a:extLst>
                <a:ext uri="{BEBA8EAE-BF5A-486C-A8C5-ECC9F3942E4B}">
                  <a14:imgProps xmlns:a14="http://schemas.microsoft.com/office/drawing/2010/main">
                    <a14:imgLayer r:embed="rId11">
                      <a14:imgEffect>
                        <a14:backgroundRemoval t="0" b="100000" l="954" r="99110">
                          <a14:foregroundMark x1="31786" y1="36074" x2="45772" y2="99944"/>
                          <a14:foregroundMark x1="17419" y1="2908" x2="1716" y2="23490"/>
                          <a14:foregroundMark x1="1716" y1="23490" x2="954" y2="25336"/>
                          <a14:foregroundMark x1="68404" y1="24385" x2="57788" y2="75783"/>
                          <a14:foregroundMark x1="40814" y1="46812" x2="35474" y2="59899"/>
                          <a14:foregroundMark x1="49841" y1="51510" x2="56707" y2="98210"/>
                          <a14:foregroundMark x1="56707" y1="98210" x2="56707" y2="98210"/>
                          <a14:foregroundMark x1="74762" y1="10403" x2="91227" y2="78132"/>
                          <a14:foregroundMark x1="14812" y1="7606" x2="10553" y2="35626"/>
                          <a14:foregroundMark x1="10553" y1="35626" x2="10553" y2="35626"/>
                          <a14:foregroundMark x1="17419" y1="4810" x2="45582" y2="23490"/>
                          <a14:foregroundMark x1="45582" y1="23490" x2="45582" y2="23490"/>
                          <a14:foregroundMark x1="27527" y1="9843" x2="14431" y2="15548"/>
                          <a14:foregroundMark x1="14431" y1="15548" x2="11189" y2="29418"/>
                          <a14:foregroundMark x1="11189" y1="29418" x2="4514" y2="41051"/>
                          <a14:foregroundMark x1="4514" y1="41051" x2="7120" y2="43400"/>
                          <a14:foregroundMark x1="25938" y1="12192" x2="17991" y2="38982"/>
                          <a14:foregroundMark x1="18245" y1="17562" x2="16402" y2="42953"/>
                          <a14:foregroundMark x1="35728" y1="4027" x2="79021" y2="10011"/>
                          <a14:foregroundMark x1="79021" y1="10011" x2="89447" y2="20694"/>
                          <a14:foregroundMark x1="89447" y1="20694" x2="82835" y2="32606"/>
                          <a14:foregroundMark x1="82835" y1="32606" x2="79720" y2="34787"/>
                          <a14:foregroundMark x1="39479" y1="2405" x2="54800" y2="2964"/>
                          <a14:foregroundMark x1="54800" y1="2964" x2="77432" y2="16779"/>
                          <a14:foregroundMark x1="77432" y1="16779" x2="79720" y2="19183"/>
                          <a14:foregroundMark x1="59059" y1="1230" x2="74762" y2="9955"/>
                          <a14:foregroundMark x1="74762" y1="9955" x2="82136" y2="22539"/>
                          <a14:foregroundMark x1="82136" y1="22539" x2="82136" y2="22651"/>
                          <a14:foregroundMark x1="41831" y1="2181" x2="67959" y2="8221"/>
                          <a14:foregroundMark x1="67959" y1="8221" x2="78767" y2="15772"/>
                          <a14:foregroundMark x1="78767" y1="15772" x2="84488" y2="23602"/>
                          <a14:foregroundMark x1="43420" y1="1007" x2="58296" y2="6767"/>
                          <a14:foregroundMark x1="58296" y1="6767" x2="69676" y2="56"/>
                          <a14:foregroundMark x1="69676" y1="56" x2="38144" y2="56"/>
                          <a14:foregroundMark x1="32295" y1="70246" x2="20280" y2="93289"/>
                          <a14:foregroundMark x1="20280" y1="93289" x2="20598" y2="99944"/>
                          <a14:foregroundMark x1="99110" y1="60906" x2="96694" y2="79810"/>
                          <a14:foregroundMark x1="37635" y1="99385" x2="44183" y2="99944"/>
                          <a14:foregroundMark x1="79466" y1="59508" x2="76796" y2="87025"/>
                          <a14:foregroundMark x1="67260" y1="66946" x2="68722" y2="99944"/>
                          <a14:foregroundMark x1="38398" y1="70694" x2="32422" y2="80425"/>
                          <a14:foregroundMark x1="32422" y1="80425" x2="28671" y2="95917"/>
                          <a14:foregroundMark x1="28671" y1="95917" x2="36936" y2="99944"/>
                          <a14:backgroundMark x1="81055" y1="59284" x2="83725" y2="57886"/>
                          <a14:backgroundMark x1="79212" y1="57886" x2="83725" y2="57886"/>
                          <a14:backgroundMark x1="73617" y1="87025" x2="73172" y2="99553"/>
                          <a14:backgroundMark x1="73172" y1="99553" x2="74126" y2="99944"/>
                          <a14:backgroundMark x1="76732" y1="87696" x2="76097" y2="99944"/>
                          <a14:backgroundMark x1="75207" y1="99832" x2="75207" y2="99944"/>
                          <a14:backgroundMark x1="76732" y1="87025" x2="75524" y2="99944"/>
                          <a14:backgroundMark x1="73617" y1="93792" x2="73617" y2="93792"/>
                        </a14:backgroundRemoval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2321827" y="3938415"/>
              <a:ext cx="2564102" cy="2915284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36768808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9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6935" fill="hold"/>
                                        <p:tgtEl>
                                          <p:spTgt spid="2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2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9"/>
                </p:tgtEl>
              </p:cMediaNode>
            </p:audio>
          </p:childTnLst>
        </p:cTn>
      </p:par>
    </p:tnLst>
    <p:bldLst>
      <p:bldP spid="22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>
            <a:extLst>
              <a:ext uri="{FF2B5EF4-FFF2-40B4-BE49-F238E27FC236}">
                <a16:creationId xmlns:a16="http://schemas.microsoft.com/office/drawing/2014/main" id="{3BFB5640-194C-3E8F-4DD8-A4DAA92E3744}"/>
              </a:ext>
            </a:extLst>
          </p:cNvPr>
          <p:cNvSpPr txBox="1"/>
          <p:nvPr/>
        </p:nvSpPr>
        <p:spPr>
          <a:xfrm>
            <a:off x="1864609" y="5664672"/>
            <a:ext cx="837728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>
                <a:solidFill>
                  <a:srgbClr val="0070C0"/>
                </a:solidFill>
                <a:latin typeface="Kristen ITC" panose="03050502040202030202" pitchFamily="66" charset="0"/>
              </a:rPr>
              <a:t>So the answer to this instruction is …</a:t>
            </a:r>
          </a:p>
        </p:txBody>
      </p:sp>
      <p:pic>
        <p:nvPicPr>
          <p:cNvPr id="8" name="Picture 4">
            <a:extLst>
              <a:ext uri="{FF2B5EF4-FFF2-40B4-BE49-F238E27FC236}">
                <a16:creationId xmlns:a16="http://schemas.microsoft.com/office/drawing/2014/main" id="{5EC492BC-DF2B-9B5D-B05C-FDA672BAE9D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1228724" y="4853282"/>
            <a:ext cx="1442768" cy="17449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29B210BF-0EAA-CB3E-B7FE-348DCFCF6F24}"/>
              </a:ext>
            </a:extLst>
          </p:cNvPr>
          <p:cNvSpPr txBox="1"/>
          <p:nvPr/>
        </p:nvSpPr>
        <p:spPr>
          <a:xfrm>
            <a:off x="1413161" y="3107510"/>
            <a:ext cx="10029825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200" b="1"/>
              <a:t>Find a word in the paragraph above that has a similar meaning to ‘feel very frightened’.</a:t>
            </a:r>
          </a:p>
        </p:txBody>
      </p:sp>
      <p:sp>
        <p:nvSpPr>
          <p:cNvPr id="24" name="Rectangle 23">
            <a:extLst>
              <a:ext uri="{FF2B5EF4-FFF2-40B4-BE49-F238E27FC236}">
                <a16:creationId xmlns:a16="http://schemas.microsoft.com/office/drawing/2014/main" id="{F16DA2FC-A32F-6611-2C41-F774310AA880}"/>
              </a:ext>
            </a:extLst>
          </p:cNvPr>
          <p:cNvSpPr/>
          <p:nvPr/>
        </p:nvSpPr>
        <p:spPr>
          <a:xfrm>
            <a:off x="2376644" y="748393"/>
            <a:ext cx="856207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5" name="Rectangle 24">
            <a:extLst>
              <a:ext uri="{FF2B5EF4-FFF2-40B4-BE49-F238E27FC236}">
                <a16:creationId xmlns:a16="http://schemas.microsoft.com/office/drawing/2014/main" id="{FCA10CF8-60C4-A722-42E0-A31756FB0B60}"/>
              </a:ext>
            </a:extLst>
          </p:cNvPr>
          <p:cNvSpPr/>
          <p:nvPr/>
        </p:nvSpPr>
        <p:spPr>
          <a:xfrm>
            <a:off x="8872694" y="748393"/>
            <a:ext cx="1263877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6" name="Rectangle 25">
            <a:extLst>
              <a:ext uri="{FF2B5EF4-FFF2-40B4-BE49-F238E27FC236}">
                <a16:creationId xmlns:a16="http://schemas.microsoft.com/office/drawing/2014/main" id="{E201A5A0-CB28-CF76-5289-FE0B50047C2E}"/>
              </a:ext>
            </a:extLst>
          </p:cNvPr>
          <p:cNvSpPr/>
          <p:nvPr/>
        </p:nvSpPr>
        <p:spPr>
          <a:xfrm>
            <a:off x="1520437" y="1413169"/>
            <a:ext cx="1139068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7" name="Rectangle 26">
            <a:extLst>
              <a:ext uri="{FF2B5EF4-FFF2-40B4-BE49-F238E27FC236}">
                <a16:creationId xmlns:a16="http://schemas.microsoft.com/office/drawing/2014/main" id="{D44C24F7-1DAB-8B06-065A-3423EB0A7F70}"/>
              </a:ext>
            </a:extLst>
          </p:cNvPr>
          <p:cNvSpPr/>
          <p:nvPr/>
        </p:nvSpPr>
        <p:spPr>
          <a:xfrm>
            <a:off x="3770824" y="1332827"/>
            <a:ext cx="1139068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8" name="Rectangle 27">
            <a:extLst>
              <a:ext uri="{FF2B5EF4-FFF2-40B4-BE49-F238E27FC236}">
                <a16:creationId xmlns:a16="http://schemas.microsoft.com/office/drawing/2014/main" id="{5EFF7520-B4B8-C2DC-9205-25DF59343CE3}"/>
              </a:ext>
            </a:extLst>
          </p:cNvPr>
          <p:cNvSpPr/>
          <p:nvPr/>
        </p:nvSpPr>
        <p:spPr>
          <a:xfrm>
            <a:off x="5394164" y="723707"/>
            <a:ext cx="1578500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9" name="Rectangle 28">
            <a:extLst>
              <a:ext uri="{FF2B5EF4-FFF2-40B4-BE49-F238E27FC236}">
                <a16:creationId xmlns:a16="http://schemas.microsoft.com/office/drawing/2014/main" id="{E31D8616-EDE3-3E94-32ED-418D9C584BE1}"/>
              </a:ext>
            </a:extLst>
          </p:cNvPr>
          <p:cNvSpPr/>
          <p:nvPr/>
        </p:nvSpPr>
        <p:spPr>
          <a:xfrm>
            <a:off x="7643969" y="1328156"/>
            <a:ext cx="617669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0" name="Rectangle 29">
            <a:extLst>
              <a:ext uri="{FF2B5EF4-FFF2-40B4-BE49-F238E27FC236}">
                <a16:creationId xmlns:a16="http://schemas.microsoft.com/office/drawing/2014/main" id="{07D33E4D-1177-BC17-10B9-3339DCA65756}"/>
              </a:ext>
            </a:extLst>
          </p:cNvPr>
          <p:cNvSpPr/>
          <p:nvPr/>
        </p:nvSpPr>
        <p:spPr>
          <a:xfrm>
            <a:off x="1520437" y="2055155"/>
            <a:ext cx="1139068" cy="618118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1" name="Rectangle: Rounded Corners 30">
            <a:extLst>
              <a:ext uri="{FF2B5EF4-FFF2-40B4-BE49-F238E27FC236}">
                <a16:creationId xmlns:a16="http://schemas.microsoft.com/office/drawing/2014/main" id="{8F56F6A9-CF5A-F498-1705-E021791C10FA}"/>
              </a:ext>
            </a:extLst>
          </p:cNvPr>
          <p:cNvSpPr/>
          <p:nvPr/>
        </p:nvSpPr>
        <p:spPr>
          <a:xfrm>
            <a:off x="1114425" y="556531"/>
            <a:ext cx="10229850" cy="2116742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2" name="TextBox 31">
            <a:extLst>
              <a:ext uri="{FF2B5EF4-FFF2-40B4-BE49-F238E27FC236}">
                <a16:creationId xmlns:a16="http://schemas.microsoft.com/office/drawing/2014/main" id="{4AFF9D22-86EC-414A-7277-E5DE6A892CF0}"/>
              </a:ext>
            </a:extLst>
          </p:cNvPr>
          <p:cNvSpPr txBox="1"/>
          <p:nvPr/>
        </p:nvSpPr>
        <p:spPr>
          <a:xfrm>
            <a:off x="1413161" y="654957"/>
            <a:ext cx="10029825" cy="193899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4000"/>
              <a:t>She was unable to breathe, but she didn’t panic. She knew that it would be dangerous to swim quickly to the surfa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425833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AC151054-C9EA-A0AE-DACE-E1C64209D54B}"/>
              </a:ext>
            </a:extLst>
          </p:cNvPr>
          <p:cNvSpPr/>
          <p:nvPr/>
        </p:nvSpPr>
        <p:spPr>
          <a:xfrm>
            <a:off x="1114425" y="556531"/>
            <a:ext cx="10229850" cy="2116742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8A862082-B2B3-0662-3565-CD44D3B4354F}"/>
              </a:ext>
            </a:extLst>
          </p:cNvPr>
          <p:cNvSpPr txBox="1"/>
          <p:nvPr/>
        </p:nvSpPr>
        <p:spPr>
          <a:xfrm>
            <a:off x="1413161" y="654957"/>
            <a:ext cx="10029825" cy="193899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4000"/>
              <a:t>She was unable to breathe, but she didn’t panic. She knew that it would be dangerous to swim quickly to the surface.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D5519B68-C304-6E31-00E4-F8108376F1DB}"/>
              </a:ext>
            </a:extLst>
          </p:cNvPr>
          <p:cNvSpPr txBox="1"/>
          <p:nvPr/>
        </p:nvSpPr>
        <p:spPr>
          <a:xfrm>
            <a:off x="1413161" y="3107510"/>
            <a:ext cx="10029825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200" b="1"/>
              <a:t>Find a word in the paragraph above that has a similar meaning to ‘feel very frightened’.</a:t>
            </a:r>
          </a:p>
        </p:txBody>
      </p:sp>
      <p:cxnSp>
        <p:nvCxnSpPr>
          <p:cNvPr id="19" name="Straight Connector 18">
            <a:extLst>
              <a:ext uri="{FF2B5EF4-FFF2-40B4-BE49-F238E27FC236}">
                <a16:creationId xmlns:a16="http://schemas.microsoft.com/office/drawing/2014/main" id="{5FCCB904-67B5-9BA3-0E04-05AD6CE0D132}"/>
              </a:ext>
            </a:extLst>
          </p:cNvPr>
          <p:cNvCxnSpPr>
            <a:cxnSpLocks/>
          </p:cNvCxnSpPr>
          <p:nvPr/>
        </p:nvCxnSpPr>
        <p:spPr>
          <a:xfrm>
            <a:off x="2939999" y="5783513"/>
            <a:ext cx="3545693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" name="TextBox 7">
            <a:extLst>
              <a:ext uri="{FF2B5EF4-FFF2-40B4-BE49-F238E27FC236}">
                <a16:creationId xmlns:a16="http://schemas.microsoft.com/office/drawing/2014/main" id="{FDC33813-CED4-07AF-7FF7-D228E8147E56}"/>
              </a:ext>
            </a:extLst>
          </p:cNvPr>
          <p:cNvSpPr txBox="1"/>
          <p:nvPr/>
        </p:nvSpPr>
        <p:spPr>
          <a:xfrm>
            <a:off x="3852923" y="5260293"/>
            <a:ext cx="161900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>
                <a:solidFill>
                  <a:srgbClr val="0070C0"/>
                </a:solidFill>
                <a:latin typeface="Kristen ITC" panose="03050502040202030202" pitchFamily="66" charset="0"/>
              </a:rPr>
              <a:t>panic</a:t>
            </a:r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E3DC23C8-3895-DB34-1A45-73396B714FE9}"/>
              </a:ext>
            </a:extLst>
          </p:cNvPr>
          <p:cNvGrpSpPr/>
          <p:nvPr/>
        </p:nvGrpSpPr>
        <p:grpSpPr>
          <a:xfrm>
            <a:off x="9413265" y="5594372"/>
            <a:ext cx="2143125" cy="896458"/>
            <a:chOff x="9934575" y="5504342"/>
            <a:chExt cx="2143125" cy="896458"/>
          </a:xfrm>
        </p:grpSpPr>
        <p:pic>
          <p:nvPicPr>
            <p:cNvPr id="5" name="Graphic 4" descr="Thumbs up sign outline">
              <a:extLst>
                <a:ext uri="{FF2B5EF4-FFF2-40B4-BE49-F238E27FC236}">
                  <a16:creationId xmlns:a16="http://schemas.microsoft.com/office/drawing/2014/main" id="{150D638C-26D7-B94E-AA58-84FE821F366C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9934575" y="5504342"/>
              <a:ext cx="896458" cy="896458"/>
            </a:xfrm>
            <a:prstGeom prst="rect">
              <a:avLst/>
            </a:prstGeom>
          </p:spPr>
        </p:pic>
        <p:sp>
          <p:nvSpPr>
            <p:cNvPr id="6" name="TextBox 5">
              <a:extLst>
                <a:ext uri="{FF2B5EF4-FFF2-40B4-BE49-F238E27FC236}">
                  <a16:creationId xmlns:a16="http://schemas.microsoft.com/office/drawing/2014/main" id="{1E847910-4457-5B54-DAE5-8FF2E46BB397}"/>
                </a:ext>
              </a:extLst>
            </p:cNvPr>
            <p:cNvSpPr txBox="1"/>
            <p:nvPr/>
          </p:nvSpPr>
          <p:spPr>
            <a:xfrm>
              <a:off x="10512927" y="5536079"/>
              <a:ext cx="1564773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b="1">
                  <a:solidFill>
                    <a:schemeClr val="accent2">
                      <a:lumMod val="50000"/>
                    </a:schemeClr>
                  </a:solidFill>
                </a:rPr>
                <a:t>Well done!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5479603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3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CF7D6803-1C6D-F657-4981-FA37FC6C950E}"/>
              </a:ext>
            </a:extLst>
          </p:cNvPr>
          <p:cNvSpPr/>
          <p:nvPr/>
        </p:nvSpPr>
        <p:spPr>
          <a:xfrm>
            <a:off x="1114425" y="556531"/>
            <a:ext cx="10229850" cy="2116742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C5997DF9-1A57-BE65-0664-A5C6637A2C14}"/>
              </a:ext>
            </a:extLst>
          </p:cNvPr>
          <p:cNvSpPr txBox="1"/>
          <p:nvPr/>
        </p:nvSpPr>
        <p:spPr>
          <a:xfrm>
            <a:off x="1413161" y="654957"/>
            <a:ext cx="10029825" cy="1938992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4000"/>
              <a:t>She was unable to breathe, but she didn’t panic. She knew that it would be dangerous to swim quickly to the surface.</a:t>
            </a:r>
          </a:p>
        </p:txBody>
      </p:sp>
      <p:sp>
        <p:nvSpPr>
          <p:cNvPr id="33" name="Rectangle 32">
            <a:extLst>
              <a:ext uri="{FF2B5EF4-FFF2-40B4-BE49-F238E27FC236}">
                <a16:creationId xmlns:a16="http://schemas.microsoft.com/office/drawing/2014/main" id="{F203E1E5-5F45-409B-A05B-054BA1E75A7A}"/>
              </a:ext>
            </a:extLst>
          </p:cNvPr>
          <p:cNvSpPr/>
          <p:nvPr/>
        </p:nvSpPr>
        <p:spPr>
          <a:xfrm>
            <a:off x="3280410" y="782457"/>
            <a:ext cx="3628390" cy="583475"/>
          </a:xfrm>
          <a:prstGeom prst="rect">
            <a:avLst/>
          </a:prstGeom>
          <a:solidFill>
            <a:schemeClr val="accent6">
              <a:lumMod val="60000"/>
              <a:lumOff val="40000"/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AC9712DB-441E-BBBF-EFA5-B046F036F4ED}"/>
              </a:ext>
            </a:extLst>
          </p:cNvPr>
          <p:cNvSpPr/>
          <p:nvPr/>
        </p:nvSpPr>
        <p:spPr>
          <a:xfrm>
            <a:off x="8309610" y="1395933"/>
            <a:ext cx="2752844" cy="583475"/>
          </a:xfrm>
          <a:prstGeom prst="rect">
            <a:avLst/>
          </a:prstGeom>
          <a:solidFill>
            <a:schemeClr val="accent6">
              <a:lumMod val="60000"/>
              <a:lumOff val="40000"/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DA8EEF80-6597-1EE5-4EE4-C621033E8A97}"/>
              </a:ext>
            </a:extLst>
          </p:cNvPr>
          <p:cNvSpPr/>
          <p:nvPr/>
        </p:nvSpPr>
        <p:spPr>
          <a:xfrm>
            <a:off x="1446404" y="1970792"/>
            <a:ext cx="5665596" cy="583475"/>
          </a:xfrm>
          <a:prstGeom prst="rect">
            <a:avLst/>
          </a:prstGeom>
          <a:solidFill>
            <a:schemeClr val="accent6">
              <a:lumMod val="60000"/>
              <a:lumOff val="40000"/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B0A48962-9788-385E-B75E-696244C25FF4}"/>
              </a:ext>
            </a:extLst>
          </p:cNvPr>
          <p:cNvSpPr/>
          <p:nvPr/>
        </p:nvSpPr>
        <p:spPr>
          <a:xfrm>
            <a:off x="1482291" y="1402217"/>
            <a:ext cx="1145842" cy="583475"/>
          </a:xfrm>
          <a:prstGeom prst="rect">
            <a:avLst/>
          </a:prstGeom>
          <a:solidFill>
            <a:srgbClr val="FFC000">
              <a:alpha val="30196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628F73D5-08C7-44A4-2761-AB75FB4AAF53}"/>
              </a:ext>
            </a:extLst>
          </p:cNvPr>
          <p:cNvSpPr txBox="1"/>
          <p:nvPr/>
        </p:nvSpPr>
        <p:spPr>
          <a:xfrm>
            <a:off x="2626292" y="4323077"/>
            <a:ext cx="7731574" cy="95410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Does the substituted phrase work in the sentence?</a:t>
            </a:r>
          </a:p>
          <a:p>
            <a:r>
              <a:rPr lang="en-US" sz="2800" b="1">
                <a:solidFill>
                  <a:srgbClr val="0070C0"/>
                </a:solidFill>
              </a:rPr>
              <a:t>Look for clues in the surrounding text.</a:t>
            </a:r>
            <a:endParaRPr lang="en-US" sz="2800" b="1">
              <a:solidFill>
                <a:srgbClr val="0070C0"/>
              </a:solidFill>
              <a:cs typeface="Calibri"/>
            </a:endParaRPr>
          </a:p>
        </p:txBody>
      </p:sp>
      <p:pic>
        <p:nvPicPr>
          <p:cNvPr id="12" name="Picture 4">
            <a:extLst>
              <a:ext uri="{FF2B5EF4-FFF2-40B4-BE49-F238E27FC236}">
                <a16:creationId xmlns:a16="http://schemas.microsoft.com/office/drawing/2014/main" id="{C8B3BE4C-5A97-1C41-067E-154F0E0AAFF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296499" y="3251291"/>
            <a:ext cx="2233323" cy="27010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605054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  <p:bldP spid="3" grpId="0" animBg="1"/>
      <p:bldP spid="6" grpId="0" animBg="1"/>
      <p:bldP spid="10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69C3FD2-AF88-4EF1-AFB7-5D31BD5AA0BF}"/>
              </a:ext>
            </a:extLst>
          </p:cNvPr>
          <p:cNvSpPr>
            <a:spLocks noGrp="1"/>
          </p:cNvSpPr>
          <p:nvPr>
            <p:ph idx="4294967295"/>
          </p:nvPr>
        </p:nvSpPr>
        <p:spPr>
          <a:xfrm>
            <a:off x="4911725" y="1919288"/>
            <a:ext cx="5565775" cy="3932237"/>
          </a:xfrm>
        </p:spPr>
        <p:txBody>
          <a:bodyPr/>
          <a:lstStyle/>
          <a:p>
            <a:pPr marL="0" indent="0">
              <a:buNone/>
            </a:pPr>
            <a:r>
              <a:rPr lang="en-US">
                <a:solidFill>
                  <a:srgbClr val="0070C0"/>
                </a:solidFill>
                <a:latin typeface="Kristen ITC" panose="03050502040202030202" pitchFamily="66" charset="0"/>
              </a:rPr>
              <a:t>Here’s one more example.</a:t>
            </a:r>
          </a:p>
        </p:txBody>
      </p:sp>
      <p:pic>
        <p:nvPicPr>
          <p:cNvPr id="7" name="Picture 4">
            <a:extLst>
              <a:ext uri="{FF2B5EF4-FFF2-40B4-BE49-F238E27FC236}">
                <a16:creationId xmlns:a16="http://schemas.microsoft.com/office/drawing/2014/main" id="{DF83CE09-9749-46CA-8F6E-F62A779E196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840707" y="930095"/>
            <a:ext cx="3671134" cy="44400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07538702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Box 15">
            <a:extLst>
              <a:ext uri="{FF2B5EF4-FFF2-40B4-BE49-F238E27FC236}">
                <a16:creationId xmlns:a16="http://schemas.microsoft.com/office/drawing/2014/main" id="{94165467-9D8B-5EAB-BC22-B27373E4327E}"/>
              </a:ext>
            </a:extLst>
          </p:cNvPr>
          <p:cNvSpPr txBox="1"/>
          <p:nvPr/>
        </p:nvSpPr>
        <p:spPr>
          <a:xfrm>
            <a:off x="1321054" y="3579257"/>
            <a:ext cx="9765291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200" b="1"/>
              <a:t>Find a word in the paragraph above that has a similar meaning to ‘extremely happy’.</a:t>
            </a:r>
          </a:p>
        </p:txBody>
      </p:sp>
      <p:cxnSp>
        <p:nvCxnSpPr>
          <p:cNvPr id="26" name="Straight Connector 25">
            <a:extLst>
              <a:ext uri="{FF2B5EF4-FFF2-40B4-BE49-F238E27FC236}">
                <a16:creationId xmlns:a16="http://schemas.microsoft.com/office/drawing/2014/main" id="{632BC1D5-56AE-2147-EAAE-E93D123F408B}"/>
              </a:ext>
            </a:extLst>
          </p:cNvPr>
          <p:cNvCxnSpPr>
            <a:cxnSpLocks/>
          </p:cNvCxnSpPr>
          <p:nvPr/>
        </p:nvCxnSpPr>
        <p:spPr>
          <a:xfrm>
            <a:off x="2939999" y="5783513"/>
            <a:ext cx="3545693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7" name="Group 6">
            <a:extLst>
              <a:ext uri="{FF2B5EF4-FFF2-40B4-BE49-F238E27FC236}">
                <a16:creationId xmlns:a16="http://schemas.microsoft.com/office/drawing/2014/main" id="{2F375DD8-97D2-E237-28B3-DCA30B6613FB}"/>
              </a:ext>
            </a:extLst>
          </p:cNvPr>
          <p:cNvGrpSpPr/>
          <p:nvPr/>
        </p:nvGrpSpPr>
        <p:grpSpPr>
          <a:xfrm>
            <a:off x="849542" y="320534"/>
            <a:ext cx="10750053" cy="2843679"/>
            <a:chOff x="981074" y="588417"/>
            <a:chExt cx="10750053" cy="3537806"/>
          </a:xfrm>
        </p:grpSpPr>
        <p:sp>
          <p:nvSpPr>
            <p:cNvPr id="8" name="Rectangle: Rounded Corners 7">
              <a:extLst>
                <a:ext uri="{FF2B5EF4-FFF2-40B4-BE49-F238E27FC236}">
                  <a16:creationId xmlns:a16="http://schemas.microsoft.com/office/drawing/2014/main" id="{CF82B332-086B-B709-0127-E0BB039CEDFC}"/>
                </a:ext>
              </a:extLst>
            </p:cNvPr>
            <p:cNvSpPr/>
            <p:nvPr/>
          </p:nvSpPr>
          <p:spPr>
            <a:xfrm>
              <a:off x="981074" y="588417"/>
              <a:ext cx="10750053" cy="3537806"/>
            </a:xfrm>
            <a:prstGeom prst="roundRect">
              <a:avLst>
                <a:gd name="adj" fmla="val 11116"/>
              </a:avLst>
            </a:prstGeom>
            <a:noFill/>
            <a:ln w="57150">
              <a:solidFill>
                <a:srgbClr val="0070C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9" name="TextBox 8">
              <a:extLst>
                <a:ext uri="{FF2B5EF4-FFF2-40B4-BE49-F238E27FC236}">
                  <a16:creationId xmlns:a16="http://schemas.microsoft.com/office/drawing/2014/main" id="{A92D499A-AD88-F40E-8C6D-B7CC8713F88D}"/>
                </a:ext>
              </a:extLst>
            </p:cNvPr>
            <p:cNvSpPr txBox="1"/>
            <p:nvPr/>
          </p:nvSpPr>
          <p:spPr>
            <a:xfrm>
              <a:off x="1244103" y="785503"/>
              <a:ext cx="10487024" cy="31780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sz="4000"/>
                <a:t>It was time for the marching band to come onto the brightly lit field. The huge crowd was ecstatic! People screamed and cheered, showing their excitement.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858048443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96561663-7C2B-3F40-E15D-45FD7548A3B9}"/>
              </a:ext>
            </a:extLst>
          </p:cNvPr>
          <p:cNvGrpSpPr/>
          <p:nvPr/>
        </p:nvGrpSpPr>
        <p:grpSpPr>
          <a:xfrm>
            <a:off x="849542" y="320534"/>
            <a:ext cx="10750053" cy="2843679"/>
            <a:chOff x="981074" y="588417"/>
            <a:chExt cx="10750053" cy="3537806"/>
          </a:xfrm>
        </p:grpSpPr>
        <p:sp>
          <p:nvSpPr>
            <p:cNvPr id="19" name="Rectangle: Rounded Corners 18">
              <a:extLst>
                <a:ext uri="{FF2B5EF4-FFF2-40B4-BE49-F238E27FC236}">
                  <a16:creationId xmlns:a16="http://schemas.microsoft.com/office/drawing/2014/main" id="{CE4D7CD5-22F2-3144-A4EC-EE7B9B248D81}"/>
                </a:ext>
              </a:extLst>
            </p:cNvPr>
            <p:cNvSpPr/>
            <p:nvPr/>
          </p:nvSpPr>
          <p:spPr>
            <a:xfrm>
              <a:off x="981074" y="588417"/>
              <a:ext cx="10750053" cy="3537806"/>
            </a:xfrm>
            <a:prstGeom prst="roundRect">
              <a:avLst>
                <a:gd name="adj" fmla="val 11116"/>
              </a:avLst>
            </a:prstGeom>
            <a:noFill/>
            <a:ln w="57150">
              <a:solidFill>
                <a:srgbClr val="0070C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E9EF2485-EB87-9A03-9F64-F25773793031}"/>
                </a:ext>
              </a:extLst>
            </p:cNvPr>
            <p:cNvSpPr txBox="1"/>
            <p:nvPr/>
          </p:nvSpPr>
          <p:spPr>
            <a:xfrm>
              <a:off x="1244103" y="785503"/>
              <a:ext cx="10487024" cy="31780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sz="4000"/>
                <a:t>It was time for the marching band to come onto the brightly lit field. The huge crowd was ecstatic! People screamed and cheered, showing their excitement.</a:t>
              </a:r>
            </a:p>
          </p:txBody>
        </p:sp>
      </p:grpSp>
      <p:pic>
        <p:nvPicPr>
          <p:cNvPr id="21" name="Picture 4">
            <a:extLst>
              <a:ext uri="{FF2B5EF4-FFF2-40B4-BE49-F238E27FC236}">
                <a16:creationId xmlns:a16="http://schemas.microsoft.com/office/drawing/2014/main" id="{C5ED61F8-B124-982E-EB2A-A642025FA96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472209" y="3971722"/>
            <a:ext cx="1861632" cy="225155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2" name="TextBox 21">
            <a:extLst>
              <a:ext uri="{FF2B5EF4-FFF2-40B4-BE49-F238E27FC236}">
                <a16:creationId xmlns:a16="http://schemas.microsoft.com/office/drawing/2014/main" id="{F0B5DF68-97CF-8996-4939-1F2B5E063DBE}"/>
              </a:ext>
            </a:extLst>
          </p:cNvPr>
          <p:cNvSpPr txBox="1"/>
          <p:nvPr/>
        </p:nvSpPr>
        <p:spPr>
          <a:xfrm>
            <a:off x="2411735" y="4447743"/>
            <a:ext cx="3318069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What part of speech is the word that you’re looking for?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417CAD00-7458-0DCF-A78F-BAEAB81EBC9F}"/>
              </a:ext>
            </a:extLst>
          </p:cNvPr>
          <p:cNvSpPr txBox="1"/>
          <p:nvPr/>
        </p:nvSpPr>
        <p:spPr>
          <a:xfrm rot="21275853">
            <a:off x="6671406" y="5038271"/>
            <a:ext cx="1296240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 verb</a:t>
            </a: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941C9432-437F-6BC7-AB39-4364F0917D75}"/>
              </a:ext>
            </a:extLst>
          </p:cNvPr>
          <p:cNvSpPr txBox="1"/>
          <p:nvPr/>
        </p:nvSpPr>
        <p:spPr>
          <a:xfrm rot="226548">
            <a:off x="8388293" y="5291606"/>
            <a:ext cx="1886694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n adverb</a:t>
            </a: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D4D8957A-31A1-9C22-33EC-C966EA669B6D}"/>
              </a:ext>
            </a:extLst>
          </p:cNvPr>
          <p:cNvSpPr txBox="1"/>
          <p:nvPr/>
        </p:nvSpPr>
        <p:spPr>
          <a:xfrm>
            <a:off x="7664002" y="4631168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AFDCDF35-B0E5-8587-83F1-8AC0D94ABE4F}"/>
              </a:ext>
            </a:extLst>
          </p:cNvPr>
          <p:cNvSpPr txBox="1"/>
          <p:nvPr/>
        </p:nvSpPr>
        <p:spPr>
          <a:xfrm>
            <a:off x="9996789" y="4942688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pic>
        <p:nvPicPr>
          <p:cNvPr id="27" name="Picture 2">
            <a:extLst>
              <a:ext uri="{FF2B5EF4-FFF2-40B4-BE49-F238E27FC236}">
                <a16:creationId xmlns:a16="http://schemas.microsoft.com/office/drawing/2014/main" id="{96725A0E-5360-0E14-827A-54001D7D1EE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0470990" y="4343651"/>
            <a:ext cx="1594509" cy="25411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8" name="TextBox 27">
            <a:extLst>
              <a:ext uri="{FF2B5EF4-FFF2-40B4-BE49-F238E27FC236}">
                <a16:creationId xmlns:a16="http://schemas.microsoft.com/office/drawing/2014/main" id="{CFF05D33-CE3C-6D22-2BFC-BC0912153D42}"/>
              </a:ext>
            </a:extLst>
          </p:cNvPr>
          <p:cNvSpPr txBox="1"/>
          <p:nvPr/>
        </p:nvSpPr>
        <p:spPr>
          <a:xfrm rot="21275853">
            <a:off x="5299546" y="5975194"/>
            <a:ext cx="2092419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n adjective</a:t>
            </a:r>
          </a:p>
        </p:txBody>
      </p:sp>
      <p:sp>
        <p:nvSpPr>
          <p:cNvPr id="29" name="TextBox 28">
            <a:extLst>
              <a:ext uri="{FF2B5EF4-FFF2-40B4-BE49-F238E27FC236}">
                <a16:creationId xmlns:a16="http://schemas.microsoft.com/office/drawing/2014/main" id="{CFBB3047-60BC-FE7D-19C7-368B3059AB54}"/>
              </a:ext>
            </a:extLst>
          </p:cNvPr>
          <p:cNvSpPr txBox="1"/>
          <p:nvPr/>
        </p:nvSpPr>
        <p:spPr>
          <a:xfrm>
            <a:off x="7119262" y="5515158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sp>
        <p:nvSpPr>
          <p:cNvPr id="30" name="Oval 29">
            <a:extLst>
              <a:ext uri="{FF2B5EF4-FFF2-40B4-BE49-F238E27FC236}">
                <a16:creationId xmlns:a16="http://schemas.microsoft.com/office/drawing/2014/main" id="{E3EBFB3B-A184-75E0-1658-5872DB6F8D0D}"/>
              </a:ext>
            </a:extLst>
          </p:cNvPr>
          <p:cNvSpPr/>
          <p:nvPr/>
        </p:nvSpPr>
        <p:spPr>
          <a:xfrm rot="21291100">
            <a:off x="5260057" y="5807777"/>
            <a:ext cx="2181334" cy="830996"/>
          </a:xfrm>
          <a:custGeom>
            <a:avLst/>
            <a:gdLst>
              <a:gd name="connsiteX0" fmla="*/ 0 w 2181334"/>
              <a:gd name="connsiteY0" fmla="*/ 415498 h 830996"/>
              <a:gd name="connsiteX1" fmla="*/ 1090667 w 2181334"/>
              <a:gd name="connsiteY1" fmla="*/ 0 h 830996"/>
              <a:gd name="connsiteX2" fmla="*/ 2181334 w 2181334"/>
              <a:gd name="connsiteY2" fmla="*/ 415498 h 830996"/>
              <a:gd name="connsiteX3" fmla="*/ 1090667 w 2181334"/>
              <a:gd name="connsiteY3" fmla="*/ 830996 h 830996"/>
              <a:gd name="connsiteX4" fmla="*/ 0 w 2181334"/>
              <a:gd name="connsiteY4" fmla="*/ 415498 h 8309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181334" h="830996" extrusionOk="0">
                <a:moveTo>
                  <a:pt x="0" y="415498"/>
                </a:moveTo>
                <a:cubicBezTo>
                  <a:pt x="6543" y="136808"/>
                  <a:pt x="502035" y="11057"/>
                  <a:pt x="1090667" y="0"/>
                </a:cubicBezTo>
                <a:cubicBezTo>
                  <a:pt x="1656116" y="-13956"/>
                  <a:pt x="2185567" y="171183"/>
                  <a:pt x="2181334" y="415498"/>
                </a:cubicBezTo>
                <a:cubicBezTo>
                  <a:pt x="2189485" y="639583"/>
                  <a:pt x="1663651" y="905848"/>
                  <a:pt x="1090667" y="830996"/>
                </a:cubicBezTo>
                <a:cubicBezTo>
                  <a:pt x="484205" y="844471"/>
                  <a:pt x="15406" y="631421"/>
                  <a:pt x="0" y="415498"/>
                </a:cubicBezTo>
                <a:close/>
              </a:path>
            </a:pathLst>
          </a:custGeom>
          <a:noFill/>
          <a:ln w="28575">
            <a:solidFill>
              <a:srgbClr val="FF0000"/>
            </a:solidFill>
            <a:extLst>
              <a:ext uri="{C807C97D-BFC1-408E-A445-0C87EB9F89A2}">
                <ask:lineSketchStyleProps xmlns:ask="http://schemas.microsoft.com/office/drawing/2018/sketchyshapes" sd="4266498984">
                  <a:prstGeom prst="ellipse">
                    <a:avLst/>
                  </a:prstGeom>
                  <ask:type>
                    <ask:lineSketchCurve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1" name="TextBox 30">
            <a:extLst>
              <a:ext uri="{FF2B5EF4-FFF2-40B4-BE49-F238E27FC236}">
                <a16:creationId xmlns:a16="http://schemas.microsoft.com/office/drawing/2014/main" id="{71E1906F-CEA5-A997-DE75-54466F39F586}"/>
              </a:ext>
            </a:extLst>
          </p:cNvPr>
          <p:cNvSpPr txBox="1"/>
          <p:nvPr/>
        </p:nvSpPr>
        <p:spPr>
          <a:xfrm rot="21257883">
            <a:off x="7772813" y="6211229"/>
            <a:ext cx="1886694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 noun</a:t>
            </a:r>
          </a:p>
        </p:txBody>
      </p:sp>
      <p:sp>
        <p:nvSpPr>
          <p:cNvPr id="32" name="TextBox 31">
            <a:extLst>
              <a:ext uri="{FF2B5EF4-FFF2-40B4-BE49-F238E27FC236}">
                <a16:creationId xmlns:a16="http://schemas.microsoft.com/office/drawing/2014/main" id="{91B47E86-E9DE-4080-BE2D-AE9298A41314}"/>
              </a:ext>
            </a:extLst>
          </p:cNvPr>
          <p:cNvSpPr txBox="1"/>
          <p:nvPr/>
        </p:nvSpPr>
        <p:spPr>
          <a:xfrm rot="21031335">
            <a:off x="9323906" y="5703299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sp>
        <p:nvSpPr>
          <p:cNvPr id="33" name="TextBox 32">
            <a:extLst>
              <a:ext uri="{FF2B5EF4-FFF2-40B4-BE49-F238E27FC236}">
                <a16:creationId xmlns:a16="http://schemas.microsoft.com/office/drawing/2014/main" id="{FD50C935-5234-88A7-1653-C4DF03810028}"/>
              </a:ext>
            </a:extLst>
          </p:cNvPr>
          <p:cNvSpPr txBox="1"/>
          <p:nvPr/>
        </p:nvSpPr>
        <p:spPr>
          <a:xfrm>
            <a:off x="1618902" y="3173123"/>
            <a:ext cx="9765291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200" b="1"/>
              <a:t>Find a word in the paragraph above that has a similar meaning to ‘extremely happy’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7629487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1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8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0" dur="10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/>
      <p:bldP spid="23" grpId="0" animBg="1"/>
      <p:bldP spid="24" grpId="0" animBg="1"/>
      <p:bldP spid="25" grpId="0"/>
      <p:bldP spid="26" grpId="0"/>
      <p:bldP spid="28" grpId="0" animBg="1"/>
      <p:bldP spid="29" grpId="0"/>
      <p:bldP spid="30" grpId="0" animBg="1"/>
      <p:bldP spid="31" grpId="0" animBg="1"/>
      <p:bldP spid="32" grpId="0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" name="Group 7">
            <a:extLst>
              <a:ext uri="{FF2B5EF4-FFF2-40B4-BE49-F238E27FC236}">
                <a16:creationId xmlns:a16="http://schemas.microsoft.com/office/drawing/2014/main" id="{894B00D2-193D-11DE-45D8-EACDE605A596}"/>
              </a:ext>
            </a:extLst>
          </p:cNvPr>
          <p:cNvGrpSpPr/>
          <p:nvPr/>
        </p:nvGrpSpPr>
        <p:grpSpPr>
          <a:xfrm>
            <a:off x="849542" y="320534"/>
            <a:ext cx="10750053" cy="2843679"/>
            <a:chOff x="981074" y="588417"/>
            <a:chExt cx="10750053" cy="3537806"/>
          </a:xfrm>
        </p:grpSpPr>
        <p:sp>
          <p:nvSpPr>
            <p:cNvPr id="11" name="TextBox 10">
              <a:extLst>
                <a:ext uri="{FF2B5EF4-FFF2-40B4-BE49-F238E27FC236}">
                  <a16:creationId xmlns:a16="http://schemas.microsoft.com/office/drawing/2014/main" id="{E1EC4125-C6B9-6677-2C74-CBB6FB352FD8}"/>
                </a:ext>
              </a:extLst>
            </p:cNvPr>
            <p:cNvSpPr txBox="1"/>
            <p:nvPr/>
          </p:nvSpPr>
          <p:spPr>
            <a:xfrm>
              <a:off x="1244103" y="785503"/>
              <a:ext cx="10487024" cy="31780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sz="4000"/>
                <a:t>It was time for the marching band to come onto the brightly lit field. The huge crowd was ecstatic! People screamed and cheered, showing their excitement.</a:t>
              </a:r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4919F0FB-289C-00C5-015B-379F6C02B046}"/>
                </a:ext>
              </a:extLst>
            </p:cNvPr>
            <p:cNvSpPr/>
            <p:nvPr/>
          </p:nvSpPr>
          <p:spPr>
            <a:xfrm>
              <a:off x="981074" y="588417"/>
              <a:ext cx="10750053" cy="3537806"/>
            </a:xfrm>
            <a:prstGeom prst="roundRect">
              <a:avLst>
                <a:gd name="adj" fmla="val 11116"/>
              </a:avLst>
            </a:prstGeom>
            <a:noFill/>
            <a:ln w="57150">
              <a:solidFill>
                <a:srgbClr val="0070C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30" name="TextBox 29">
            <a:extLst>
              <a:ext uri="{FF2B5EF4-FFF2-40B4-BE49-F238E27FC236}">
                <a16:creationId xmlns:a16="http://schemas.microsoft.com/office/drawing/2014/main" id="{CB86BF6E-A4BD-CAB1-A922-63138DF18EB4}"/>
              </a:ext>
            </a:extLst>
          </p:cNvPr>
          <p:cNvSpPr txBox="1"/>
          <p:nvPr/>
        </p:nvSpPr>
        <p:spPr>
          <a:xfrm>
            <a:off x="2638484" y="4323077"/>
            <a:ext cx="765994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Where are the adjectives in the text?</a:t>
            </a:r>
          </a:p>
        </p:txBody>
      </p:sp>
      <p:pic>
        <p:nvPicPr>
          <p:cNvPr id="9" name="Picture 4">
            <a:extLst>
              <a:ext uri="{FF2B5EF4-FFF2-40B4-BE49-F238E27FC236}">
                <a16:creationId xmlns:a16="http://schemas.microsoft.com/office/drawing/2014/main" id="{9642EC17-32A6-E946-26A7-147E80263C2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301299" y="3234140"/>
            <a:ext cx="2233323" cy="27010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2" name="Rectangle 31">
            <a:extLst>
              <a:ext uri="{FF2B5EF4-FFF2-40B4-BE49-F238E27FC236}">
                <a16:creationId xmlns:a16="http://schemas.microsoft.com/office/drawing/2014/main" id="{AFA79A0A-6CE7-85F0-624B-D1E1D0CC488C}"/>
              </a:ext>
            </a:extLst>
          </p:cNvPr>
          <p:cNvSpPr/>
          <p:nvPr/>
        </p:nvSpPr>
        <p:spPr>
          <a:xfrm>
            <a:off x="9626609" y="1200602"/>
            <a:ext cx="1715849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B99A8D05-A28E-59B8-A305-64E8AA465ADE}"/>
              </a:ext>
            </a:extLst>
          </p:cNvPr>
          <p:cNvSpPr/>
          <p:nvPr/>
        </p:nvSpPr>
        <p:spPr>
          <a:xfrm>
            <a:off x="6224568" y="1200603"/>
            <a:ext cx="1072056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9F0CF5BC-FEFA-CE04-A6E9-7E1B6AA60EBE}"/>
              </a:ext>
            </a:extLst>
          </p:cNvPr>
          <p:cNvSpPr/>
          <p:nvPr/>
        </p:nvSpPr>
        <p:spPr>
          <a:xfrm>
            <a:off x="5079124" y="621172"/>
            <a:ext cx="2033751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72B7E9AD-0608-DEBC-8A62-1C35FBAFD71E}"/>
              </a:ext>
            </a:extLst>
          </p:cNvPr>
          <p:cNvSpPr/>
          <p:nvPr/>
        </p:nvSpPr>
        <p:spPr>
          <a:xfrm>
            <a:off x="3662643" y="1200601"/>
            <a:ext cx="495471" cy="541062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93696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6" grpId="0" animBg="1"/>
      <p:bldP spid="7" grpId="0" animBg="1"/>
      <p:bldP spid="2" grpId="0" animBg="1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extBox 29">
            <a:extLst>
              <a:ext uri="{FF2B5EF4-FFF2-40B4-BE49-F238E27FC236}">
                <a16:creationId xmlns:a16="http://schemas.microsoft.com/office/drawing/2014/main" id="{CB86BF6E-A4BD-CAB1-A922-63138DF18EB4}"/>
              </a:ext>
            </a:extLst>
          </p:cNvPr>
          <p:cNvSpPr txBox="1"/>
          <p:nvPr/>
        </p:nvSpPr>
        <p:spPr>
          <a:xfrm>
            <a:off x="2638484" y="4323077"/>
            <a:ext cx="844861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Which one is best replaced with ‘extremely happy’?</a:t>
            </a:r>
          </a:p>
        </p:txBody>
      </p:sp>
      <p:pic>
        <p:nvPicPr>
          <p:cNvPr id="9" name="Picture 4">
            <a:extLst>
              <a:ext uri="{FF2B5EF4-FFF2-40B4-BE49-F238E27FC236}">
                <a16:creationId xmlns:a16="http://schemas.microsoft.com/office/drawing/2014/main" id="{9642EC17-32A6-E946-26A7-147E80263C2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301299" y="3234140"/>
            <a:ext cx="2233323" cy="27010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7" name="TextBox 16">
            <a:extLst>
              <a:ext uri="{FF2B5EF4-FFF2-40B4-BE49-F238E27FC236}">
                <a16:creationId xmlns:a16="http://schemas.microsoft.com/office/drawing/2014/main" id="{6A8BE7A3-FE6B-2D19-4D45-2372755AD89C}"/>
              </a:ext>
            </a:extLst>
          </p:cNvPr>
          <p:cNvSpPr txBox="1"/>
          <p:nvPr/>
        </p:nvSpPr>
        <p:spPr>
          <a:xfrm>
            <a:off x="1112571" y="478951"/>
            <a:ext cx="10487024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4000"/>
              <a:t>It was time for the marching band to come onto the brightly lit field. The huge crowd was ecstatic! People screamed and cheered, showing their excitement.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6502F7F5-9F74-1184-8D32-8AF267320680}"/>
              </a:ext>
            </a:extLst>
          </p:cNvPr>
          <p:cNvGrpSpPr/>
          <p:nvPr/>
        </p:nvGrpSpPr>
        <p:grpSpPr>
          <a:xfrm>
            <a:off x="849542" y="320534"/>
            <a:ext cx="10750053" cy="2843679"/>
            <a:chOff x="981074" y="588417"/>
            <a:chExt cx="10750053" cy="3537806"/>
          </a:xfrm>
        </p:grpSpPr>
        <p:sp>
          <p:nvSpPr>
            <p:cNvPr id="19" name="TextBox 18">
              <a:extLst>
                <a:ext uri="{FF2B5EF4-FFF2-40B4-BE49-F238E27FC236}">
                  <a16:creationId xmlns:a16="http://schemas.microsoft.com/office/drawing/2014/main" id="{1FD1D0C2-6770-D987-290A-E63F8D331DFC}"/>
                </a:ext>
              </a:extLst>
            </p:cNvPr>
            <p:cNvSpPr txBox="1"/>
            <p:nvPr/>
          </p:nvSpPr>
          <p:spPr>
            <a:xfrm>
              <a:off x="1244103" y="785503"/>
              <a:ext cx="10487024" cy="31780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sz="4000"/>
                <a:t>It was time for the marching band to come onto the brightly lit field. The huge crowd was ecstatic! People screamed and cheered, showing their excitement.</a:t>
              </a:r>
            </a:p>
          </p:txBody>
        </p:sp>
        <p:sp>
          <p:nvSpPr>
            <p:cNvPr id="20" name="Rectangle: Rounded Corners 19">
              <a:extLst>
                <a:ext uri="{FF2B5EF4-FFF2-40B4-BE49-F238E27FC236}">
                  <a16:creationId xmlns:a16="http://schemas.microsoft.com/office/drawing/2014/main" id="{597B4B3A-F28D-F361-86E8-B430AD8A2274}"/>
                </a:ext>
              </a:extLst>
            </p:cNvPr>
            <p:cNvSpPr/>
            <p:nvPr/>
          </p:nvSpPr>
          <p:spPr>
            <a:xfrm>
              <a:off x="981074" y="588417"/>
              <a:ext cx="10750053" cy="3537806"/>
            </a:xfrm>
            <a:prstGeom prst="roundRect">
              <a:avLst>
                <a:gd name="adj" fmla="val 11116"/>
              </a:avLst>
            </a:prstGeom>
            <a:noFill/>
            <a:ln w="57150">
              <a:solidFill>
                <a:srgbClr val="0070C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21" name="Rectangle 20">
            <a:extLst>
              <a:ext uri="{FF2B5EF4-FFF2-40B4-BE49-F238E27FC236}">
                <a16:creationId xmlns:a16="http://schemas.microsoft.com/office/drawing/2014/main" id="{58E4BC5B-6A75-F7AD-E805-7378F641D613}"/>
              </a:ext>
            </a:extLst>
          </p:cNvPr>
          <p:cNvSpPr/>
          <p:nvPr/>
        </p:nvSpPr>
        <p:spPr>
          <a:xfrm>
            <a:off x="9626609" y="1200602"/>
            <a:ext cx="1715849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2" name="Rectangle 21">
            <a:extLst>
              <a:ext uri="{FF2B5EF4-FFF2-40B4-BE49-F238E27FC236}">
                <a16:creationId xmlns:a16="http://schemas.microsoft.com/office/drawing/2014/main" id="{348BD426-E135-77F6-B4ED-60881B33DC45}"/>
              </a:ext>
            </a:extLst>
          </p:cNvPr>
          <p:cNvSpPr/>
          <p:nvPr/>
        </p:nvSpPr>
        <p:spPr>
          <a:xfrm>
            <a:off x="6224568" y="1200603"/>
            <a:ext cx="1072056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3" name="Rectangle 22">
            <a:extLst>
              <a:ext uri="{FF2B5EF4-FFF2-40B4-BE49-F238E27FC236}">
                <a16:creationId xmlns:a16="http://schemas.microsoft.com/office/drawing/2014/main" id="{BEC3F858-DE5E-0559-53F4-5979ED622E07}"/>
              </a:ext>
            </a:extLst>
          </p:cNvPr>
          <p:cNvSpPr/>
          <p:nvPr/>
        </p:nvSpPr>
        <p:spPr>
          <a:xfrm>
            <a:off x="5079124" y="621172"/>
            <a:ext cx="2033751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B6A5CAA7-2023-12DC-C282-3D69FE82FDBA}"/>
              </a:ext>
            </a:extLst>
          </p:cNvPr>
          <p:cNvSpPr/>
          <p:nvPr/>
        </p:nvSpPr>
        <p:spPr>
          <a:xfrm>
            <a:off x="3687097" y="1200601"/>
            <a:ext cx="452284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683028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>
            <a:extLst>
              <a:ext uri="{FF2B5EF4-FFF2-40B4-BE49-F238E27FC236}">
                <a16:creationId xmlns:a16="http://schemas.microsoft.com/office/drawing/2014/main" id="{3BFB5640-194C-3E8F-4DD8-A4DAA92E3744}"/>
              </a:ext>
            </a:extLst>
          </p:cNvPr>
          <p:cNvSpPr txBox="1"/>
          <p:nvPr/>
        </p:nvSpPr>
        <p:spPr>
          <a:xfrm>
            <a:off x="1864609" y="5664672"/>
            <a:ext cx="837728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>
                <a:solidFill>
                  <a:srgbClr val="0070C0"/>
                </a:solidFill>
                <a:latin typeface="Kristen ITC" panose="03050502040202030202" pitchFamily="66" charset="0"/>
              </a:rPr>
              <a:t>So the answer to this instruction is …</a:t>
            </a:r>
          </a:p>
        </p:txBody>
      </p:sp>
      <p:pic>
        <p:nvPicPr>
          <p:cNvPr id="8" name="Picture 4">
            <a:extLst>
              <a:ext uri="{FF2B5EF4-FFF2-40B4-BE49-F238E27FC236}">
                <a16:creationId xmlns:a16="http://schemas.microsoft.com/office/drawing/2014/main" id="{5EC492BC-DF2B-9B5D-B05C-FDA672BAE9D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1228724" y="4853282"/>
            <a:ext cx="1442768" cy="17449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ED0D43CC-9A59-0B4F-052B-B8D82BE2D183}"/>
              </a:ext>
            </a:extLst>
          </p:cNvPr>
          <p:cNvSpPr txBox="1"/>
          <p:nvPr/>
        </p:nvSpPr>
        <p:spPr>
          <a:xfrm>
            <a:off x="1321054" y="3579257"/>
            <a:ext cx="9765291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200" b="1"/>
              <a:t>Find a word in the paragraph above that has a similar meaning to ‘extremely happy’.</a:t>
            </a:r>
          </a:p>
        </p:txBody>
      </p:sp>
      <p:grpSp>
        <p:nvGrpSpPr>
          <p:cNvPr id="21" name="Group 20">
            <a:extLst>
              <a:ext uri="{FF2B5EF4-FFF2-40B4-BE49-F238E27FC236}">
                <a16:creationId xmlns:a16="http://schemas.microsoft.com/office/drawing/2014/main" id="{0A9D3571-5689-98CF-8614-670A66B0F584}"/>
              </a:ext>
            </a:extLst>
          </p:cNvPr>
          <p:cNvGrpSpPr/>
          <p:nvPr/>
        </p:nvGrpSpPr>
        <p:grpSpPr>
          <a:xfrm>
            <a:off x="849542" y="320534"/>
            <a:ext cx="10750053" cy="2843679"/>
            <a:chOff x="981074" y="588417"/>
            <a:chExt cx="10750053" cy="3537806"/>
          </a:xfrm>
        </p:grpSpPr>
        <p:sp>
          <p:nvSpPr>
            <p:cNvPr id="22" name="TextBox 21">
              <a:extLst>
                <a:ext uri="{FF2B5EF4-FFF2-40B4-BE49-F238E27FC236}">
                  <a16:creationId xmlns:a16="http://schemas.microsoft.com/office/drawing/2014/main" id="{9940DC57-8700-03DF-5262-7485C72E79E5}"/>
                </a:ext>
              </a:extLst>
            </p:cNvPr>
            <p:cNvSpPr txBox="1"/>
            <p:nvPr/>
          </p:nvSpPr>
          <p:spPr>
            <a:xfrm>
              <a:off x="1244103" y="785503"/>
              <a:ext cx="10487024" cy="31780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sz="4000"/>
                <a:t>It was time for the marching band to come onto the brightly lit field. The huge crowd was ecstatic! People screamed and cheered, showing their excitement.</a:t>
              </a:r>
            </a:p>
          </p:txBody>
        </p:sp>
        <p:sp>
          <p:nvSpPr>
            <p:cNvPr id="23" name="Rectangle: Rounded Corners 22">
              <a:extLst>
                <a:ext uri="{FF2B5EF4-FFF2-40B4-BE49-F238E27FC236}">
                  <a16:creationId xmlns:a16="http://schemas.microsoft.com/office/drawing/2014/main" id="{498B830C-ECF5-7D82-C352-2A0F4B5AD481}"/>
                </a:ext>
              </a:extLst>
            </p:cNvPr>
            <p:cNvSpPr/>
            <p:nvPr/>
          </p:nvSpPr>
          <p:spPr>
            <a:xfrm>
              <a:off x="981074" y="588417"/>
              <a:ext cx="10750053" cy="3537806"/>
            </a:xfrm>
            <a:prstGeom prst="roundRect">
              <a:avLst>
                <a:gd name="adj" fmla="val 11116"/>
              </a:avLst>
            </a:prstGeom>
            <a:noFill/>
            <a:ln w="57150">
              <a:solidFill>
                <a:srgbClr val="0070C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24" name="Rectangle 23">
            <a:extLst>
              <a:ext uri="{FF2B5EF4-FFF2-40B4-BE49-F238E27FC236}">
                <a16:creationId xmlns:a16="http://schemas.microsoft.com/office/drawing/2014/main" id="{360976AC-EFE4-99DC-7A19-AE96A97DF3F8}"/>
              </a:ext>
            </a:extLst>
          </p:cNvPr>
          <p:cNvSpPr/>
          <p:nvPr/>
        </p:nvSpPr>
        <p:spPr>
          <a:xfrm>
            <a:off x="9626609" y="1200602"/>
            <a:ext cx="1715849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5" name="Rectangle 24">
            <a:extLst>
              <a:ext uri="{FF2B5EF4-FFF2-40B4-BE49-F238E27FC236}">
                <a16:creationId xmlns:a16="http://schemas.microsoft.com/office/drawing/2014/main" id="{99DB1356-D6DE-F505-52C1-DCE7D5588D5E}"/>
              </a:ext>
            </a:extLst>
          </p:cNvPr>
          <p:cNvSpPr/>
          <p:nvPr/>
        </p:nvSpPr>
        <p:spPr>
          <a:xfrm>
            <a:off x="6224568" y="1200603"/>
            <a:ext cx="1072056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6" name="Rectangle 25">
            <a:extLst>
              <a:ext uri="{FF2B5EF4-FFF2-40B4-BE49-F238E27FC236}">
                <a16:creationId xmlns:a16="http://schemas.microsoft.com/office/drawing/2014/main" id="{EB28622A-8B0D-3135-D8DA-E6AD233F9456}"/>
              </a:ext>
            </a:extLst>
          </p:cNvPr>
          <p:cNvSpPr/>
          <p:nvPr/>
        </p:nvSpPr>
        <p:spPr>
          <a:xfrm>
            <a:off x="5079124" y="621172"/>
            <a:ext cx="2033751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A20601CC-B745-7330-A984-2DD988AD3E5D}"/>
              </a:ext>
            </a:extLst>
          </p:cNvPr>
          <p:cNvSpPr/>
          <p:nvPr/>
        </p:nvSpPr>
        <p:spPr>
          <a:xfrm>
            <a:off x="3687097" y="1200601"/>
            <a:ext cx="452284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159315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Box 15">
            <a:extLst>
              <a:ext uri="{FF2B5EF4-FFF2-40B4-BE49-F238E27FC236}">
                <a16:creationId xmlns:a16="http://schemas.microsoft.com/office/drawing/2014/main" id="{94165467-9D8B-5EAB-BC22-B27373E4327E}"/>
              </a:ext>
            </a:extLst>
          </p:cNvPr>
          <p:cNvSpPr txBox="1"/>
          <p:nvPr/>
        </p:nvSpPr>
        <p:spPr>
          <a:xfrm>
            <a:off x="1321054" y="3579257"/>
            <a:ext cx="9765291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200" b="1"/>
              <a:t>Find a word in the paragraph above that has a similar meaning to ‘extremely happy’.</a:t>
            </a:r>
          </a:p>
        </p:txBody>
      </p:sp>
      <p:cxnSp>
        <p:nvCxnSpPr>
          <p:cNvPr id="26" name="Straight Connector 25">
            <a:extLst>
              <a:ext uri="{FF2B5EF4-FFF2-40B4-BE49-F238E27FC236}">
                <a16:creationId xmlns:a16="http://schemas.microsoft.com/office/drawing/2014/main" id="{632BC1D5-56AE-2147-EAAE-E93D123F408B}"/>
              </a:ext>
            </a:extLst>
          </p:cNvPr>
          <p:cNvCxnSpPr>
            <a:cxnSpLocks/>
          </p:cNvCxnSpPr>
          <p:nvPr/>
        </p:nvCxnSpPr>
        <p:spPr>
          <a:xfrm>
            <a:off x="2939999" y="5783513"/>
            <a:ext cx="3545693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TextBox 1">
            <a:extLst>
              <a:ext uri="{FF2B5EF4-FFF2-40B4-BE49-F238E27FC236}">
                <a16:creationId xmlns:a16="http://schemas.microsoft.com/office/drawing/2014/main" id="{66CB8071-EA0C-67AF-F192-238D27476BA6}"/>
              </a:ext>
            </a:extLst>
          </p:cNvPr>
          <p:cNvSpPr txBox="1"/>
          <p:nvPr/>
        </p:nvSpPr>
        <p:spPr>
          <a:xfrm>
            <a:off x="3852923" y="5260293"/>
            <a:ext cx="161900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>
                <a:solidFill>
                  <a:srgbClr val="0070C0"/>
                </a:solidFill>
                <a:latin typeface="Kristen ITC" panose="03050502040202030202" pitchFamily="66" charset="0"/>
              </a:rPr>
              <a:t>ecstatic</a:t>
            </a:r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3A8245DE-3896-16A6-7240-2A41ADB37EE4}"/>
              </a:ext>
            </a:extLst>
          </p:cNvPr>
          <p:cNvGrpSpPr/>
          <p:nvPr/>
        </p:nvGrpSpPr>
        <p:grpSpPr>
          <a:xfrm>
            <a:off x="9413265" y="5594372"/>
            <a:ext cx="2143125" cy="896458"/>
            <a:chOff x="9934575" y="5504342"/>
            <a:chExt cx="2143125" cy="896458"/>
          </a:xfrm>
        </p:grpSpPr>
        <p:pic>
          <p:nvPicPr>
            <p:cNvPr id="7" name="Graphic 6" descr="Thumbs up sign outline">
              <a:extLst>
                <a:ext uri="{FF2B5EF4-FFF2-40B4-BE49-F238E27FC236}">
                  <a16:creationId xmlns:a16="http://schemas.microsoft.com/office/drawing/2014/main" id="{DCA97E47-7789-D750-3700-946D568A5EB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tretch>
              <a:fillRect/>
            </a:stretch>
          </p:blipFill>
          <p:spPr>
            <a:xfrm>
              <a:off x="9934575" y="5504342"/>
              <a:ext cx="896458" cy="896458"/>
            </a:xfrm>
            <a:prstGeom prst="rect">
              <a:avLst/>
            </a:prstGeom>
          </p:spPr>
        </p:pic>
        <p:sp>
          <p:nvSpPr>
            <p:cNvPr id="8" name="TextBox 7">
              <a:extLst>
                <a:ext uri="{FF2B5EF4-FFF2-40B4-BE49-F238E27FC236}">
                  <a16:creationId xmlns:a16="http://schemas.microsoft.com/office/drawing/2014/main" id="{EDF27B88-D721-8A65-DA9C-780086C6B3B6}"/>
                </a:ext>
              </a:extLst>
            </p:cNvPr>
            <p:cNvSpPr txBox="1"/>
            <p:nvPr/>
          </p:nvSpPr>
          <p:spPr>
            <a:xfrm>
              <a:off x="10512927" y="5536079"/>
              <a:ext cx="1564773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b="1">
                  <a:solidFill>
                    <a:schemeClr val="accent2">
                      <a:lumMod val="50000"/>
                    </a:schemeClr>
                  </a:solidFill>
                </a:rPr>
                <a:t>Well done!</a:t>
              </a:r>
            </a:p>
          </p:txBody>
        </p:sp>
      </p:grpSp>
      <p:grpSp>
        <p:nvGrpSpPr>
          <p:cNvPr id="9" name="Group 8">
            <a:extLst>
              <a:ext uri="{FF2B5EF4-FFF2-40B4-BE49-F238E27FC236}">
                <a16:creationId xmlns:a16="http://schemas.microsoft.com/office/drawing/2014/main" id="{383E8CF1-3E75-7085-E57A-9BAC92FB6C8B}"/>
              </a:ext>
            </a:extLst>
          </p:cNvPr>
          <p:cNvGrpSpPr/>
          <p:nvPr/>
        </p:nvGrpSpPr>
        <p:grpSpPr>
          <a:xfrm>
            <a:off x="849542" y="320534"/>
            <a:ext cx="10750053" cy="2843679"/>
            <a:chOff x="981074" y="588417"/>
            <a:chExt cx="10750053" cy="3537806"/>
          </a:xfrm>
        </p:grpSpPr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7B399FF8-7213-606C-59E3-DF56FB2B791C}"/>
                </a:ext>
              </a:extLst>
            </p:cNvPr>
            <p:cNvSpPr txBox="1"/>
            <p:nvPr/>
          </p:nvSpPr>
          <p:spPr>
            <a:xfrm>
              <a:off x="1244103" y="785503"/>
              <a:ext cx="10487024" cy="317809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600"/>
                </a:spcAft>
              </a:pPr>
              <a:r>
                <a:rPr lang="en-US" sz="4000"/>
                <a:t>It was time for the marching band to come onto the brightly lit field. The huge crowd was ecstatic! People screamed and cheered, showing their excitement.</a:t>
              </a:r>
            </a:p>
          </p:txBody>
        </p:sp>
        <p:sp>
          <p:nvSpPr>
            <p:cNvPr id="11" name="Rectangle: Rounded Corners 10">
              <a:extLst>
                <a:ext uri="{FF2B5EF4-FFF2-40B4-BE49-F238E27FC236}">
                  <a16:creationId xmlns:a16="http://schemas.microsoft.com/office/drawing/2014/main" id="{E0F929C3-37B1-49B3-2EB8-070A804E5170}"/>
                </a:ext>
              </a:extLst>
            </p:cNvPr>
            <p:cNvSpPr/>
            <p:nvPr/>
          </p:nvSpPr>
          <p:spPr>
            <a:xfrm>
              <a:off x="981074" y="588417"/>
              <a:ext cx="10750053" cy="3537806"/>
            </a:xfrm>
            <a:prstGeom prst="roundRect">
              <a:avLst>
                <a:gd name="adj" fmla="val 11116"/>
              </a:avLst>
            </a:prstGeom>
            <a:noFill/>
            <a:ln w="57150">
              <a:solidFill>
                <a:srgbClr val="0070C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6312539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3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" name="Picture 19">
            <a:extLst>
              <a:ext uri="{FF2B5EF4-FFF2-40B4-BE49-F238E27FC236}">
                <a16:creationId xmlns:a16="http://schemas.microsoft.com/office/drawing/2014/main" id="{85D50BA0-7F95-1623-9FC4-09F269D4DC52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screen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9071" b="92945" l="10000" r="90476">
                        <a14:foregroundMark x1="89048" y1="37514" x2="90714" y2="58791"/>
                        <a14:foregroundMark x1="25476" y1="89698" x2="47024" y2="92945"/>
                        <a14:foregroundMark x1="39167" y1="12430" x2="69167" y2="22508"/>
                        <a14:foregroundMark x1="40238" y1="9183" x2="61190" y2="918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8282840" y="4412313"/>
            <a:ext cx="2117242" cy="2251233"/>
          </a:xfrm>
          <a:prstGeom prst="rect">
            <a:avLst/>
          </a:prstGeom>
        </p:spPr>
      </p:pic>
      <p:grpSp>
        <p:nvGrpSpPr>
          <p:cNvPr id="26" name="Group 25">
            <a:extLst>
              <a:ext uri="{FF2B5EF4-FFF2-40B4-BE49-F238E27FC236}">
                <a16:creationId xmlns:a16="http://schemas.microsoft.com/office/drawing/2014/main" id="{72D3AEF5-8B26-2D70-2B4A-8C4BEE0038AF}"/>
              </a:ext>
            </a:extLst>
          </p:cNvPr>
          <p:cNvGrpSpPr/>
          <p:nvPr/>
        </p:nvGrpSpPr>
        <p:grpSpPr>
          <a:xfrm>
            <a:off x="2526598" y="1850667"/>
            <a:ext cx="8919572" cy="5007333"/>
            <a:chOff x="2526598" y="1850667"/>
            <a:chExt cx="8919572" cy="5007333"/>
          </a:xfrm>
        </p:grpSpPr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DA052B75-F9FA-4190-B0F1-8A8AA76DBAA0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8" cstate="screen">
              <a:alphaModFix/>
              <a:extLst>
                <a:ext uri="{BEBA8EAE-BF5A-486C-A8C5-ECC9F3942E4B}">
                  <a14:imgProps xmlns:a14="http://schemas.microsoft.com/office/drawing/2010/main">
                    <a14:imgLayer r:embed="rId9">
                      <a14:imgEffect>
                        <a14:backgroundRemoval t="1742" b="100000" l="6077" r="97615">
                          <a14:foregroundMark x1="34385" y1="35112" x2="51154" y2="57703"/>
                          <a14:foregroundMark x1="51154" y1="57703" x2="51154" y2="57866"/>
                          <a14:foregroundMark x1="40769" y1="8111" x2="50077" y2="52531"/>
                          <a14:foregroundMark x1="50077" y1="52531" x2="50077" y2="52531"/>
                          <a14:foregroundMark x1="37231" y1="8873" x2="39000" y2="34349"/>
                          <a14:foregroundMark x1="39000" y1="34349" x2="39000" y2="34349"/>
                          <a14:foregroundMark x1="39385" y1="34132" x2="41846" y2="48013"/>
                          <a14:foregroundMark x1="41846" y1="48013" x2="41846" y2="48013"/>
                          <a14:foregroundMark x1="66077" y1="37888" x2="67923" y2="56614"/>
                          <a14:foregroundMark x1="67923" y1="56614" x2="67923" y2="56614"/>
                          <a14:foregroundMark x1="39385" y1="35874" x2="78538" y2="99946"/>
                          <a14:foregroundMark x1="27231" y1="38432" x2="50462" y2="82580"/>
                          <a14:foregroundMark x1="50385" y1="82580" x2="50000" y2="99946"/>
                          <a14:foregroundMark x1="23308" y1="8383" x2="13846" y2="18291"/>
                          <a14:foregroundMark x1="13846" y1="18291" x2="6538" y2="22482"/>
                          <a14:foregroundMark x1="32538" y1="38160" x2="47923" y2="63800"/>
                          <a14:foregroundMark x1="47923" y1="63800" x2="48615" y2="64398"/>
                          <a14:foregroundMark x1="7615" y1="23517" x2="9769" y2="42461"/>
                          <a14:foregroundMark x1="78923" y1="17202" x2="88231" y2="27817"/>
                          <a14:foregroundMark x1="22615" y1="9363" x2="82154" y2="11867"/>
                          <a14:foregroundMark x1="82154" y1="11867" x2="91308" y2="22700"/>
                          <a14:foregroundMark x1="91308" y1="22700" x2="94077" y2="34622"/>
                          <a14:foregroundMark x1="94077" y1="34622" x2="90769" y2="43985"/>
                          <a14:foregroundMark x1="27615" y1="6369" x2="46846" y2="2177"/>
                          <a14:foregroundMark x1="46846" y1="2177" x2="66000" y2="5444"/>
                          <a14:foregroundMark x1="66000" y1="5444" x2="76077" y2="11922"/>
                          <a14:foregroundMark x1="53923" y1="79586" x2="52231" y2="99946"/>
                          <a14:foregroundMark x1="54000" y1="79586" x2="54000" y2="79586"/>
                          <a14:foregroundMark x1="48308" y1="74524" x2="41462" y2="63909"/>
                          <a14:foregroundMark x1="41462" y1="63909" x2="41462" y2="63909"/>
                          <a14:foregroundMark x1="42846" y1="78824" x2="34538" y2="99946"/>
                          <a14:foregroundMark x1="43308" y1="81328" x2="41846" y2="86663"/>
                          <a14:foregroundMark x1="51462" y1="75286" x2="53923" y2="99946"/>
                          <a14:foregroundMark x1="66462" y1="65161" x2="91615" y2="89766"/>
                          <a14:foregroundMark x1="91615" y1="89766" x2="96000" y2="99946"/>
                          <a14:foregroundMark x1="35769" y1="68209" x2="14615" y2="89766"/>
                          <a14:foregroundMark x1="14538" y1="89766" x2="9462" y2="99946"/>
                          <a14:foregroundMark x1="19615" y1="77300" x2="9615" y2="99946"/>
                          <a14:foregroundMark x1="22615" y1="76266" x2="34385" y2="88133"/>
                          <a14:foregroundMark x1="45385" y1="1796" x2="54308" y2="1796"/>
                        </a14:backgroundRemoval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 t="-3053"/>
            <a:stretch/>
          </p:blipFill>
          <p:spPr>
            <a:xfrm>
              <a:off x="2526598" y="3772214"/>
              <a:ext cx="2118765" cy="3085786"/>
            </a:xfrm>
            <a:prstGeom prst="rect">
              <a:avLst/>
            </a:prstGeom>
          </p:spPr>
        </p:pic>
        <p:sp>
          <p:nvSpPr>
            <p:cNvPr id="24" name="Thought Bubble: Cloud 23">
              <a:extLst>
                <a:ext uri="{FF2B5EF4-FFF2-40B4-BE49-F238E27FC236}">
                  <a16:creationId xmlns:a16="http://schemas.microsoft.com/office/drawing/2014/main" id="{8DEB695D-CEDC-4DD9-BDC3-90E00FD26D92}"/>
                </a:ext>
              </a:extLst>
            </p:cNvPr>
            <p:cNvSpPr/>
            <p:nvPr/>
          </p:nvSpPr>
          <p:spPr>
            <a:xfrm>
              <a:off x="4059850" y="1850667"/>
              <a:ext cx="7386320" cy="2792260"/>
            </a:xfrm>
            <a:prstGeom prst="cloudCallout">
              <a:avLst/>
            </a:prstGeom>
            <a:solidFill>
              <a:schemeClr val="accent6">
                <a:lumMod val="20000"/>
                <a:lumOff val="80000"/>
              </a:schemeClr>
            </a:solidFill>
            <a:ln>
              <a:solidFill>
                <a:schemeClr val="accent6">
                  <a:lumMod val="20000"/>
                  <a:lumOff val="80000"/>
                </a:schemeClr>
              </a:solidFill>
            </a:ln>
          </p:spPr>
          <p:style>
            <a:lnRef idx="1">
              <a:schemeClr val="accent4"/>
            </a:lnRef>
            <a:fillRef idx="2">
              <a:schemeClr val="accent4"/>
            </a:fillRef>
            <a:effectRef idx="1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sz="4800" b="1">
                  <a:latin typeface="Kristen ITC"/>
                </a:rPr>
                <a:t>Look it up in </a:t>
              </a:r>
            </a:p>
            <a:p>
              <a:pPr algn="ctr"/>
              <a:r>
                <a:rPr lang="en-US" sz="4800" b="1">
                  <a:latin typeface="Kristen ITC"/>
                </a:rPr>
                <a:t>a dictionary.</a:t>
              </a:r>
              <a:endParaRPr lang="en-HK" sz="4800"/>
            </a:p>
          </p:txBody>
        </p:sp>
      </p:grpSp>
      <p:pic>
        <p:nvPicPr>
          <p:cNvPr id="1028" name="Picture 4">
            <a:extLst>
              <a:ext uri="{FF2B5EF4-FFF2-40B4-BE49-F238E27FC236}">
                <a16:creationId xmlns:a16="http://schemas.microsoft.com/office/drawing/2014/main" id="{35E02C0E-513A-4BA1-9578-E91B15A2ED9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312499" y="327212"/>
            <a:ext cx="1792275" cy="216766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2" name="TextBox 21">
            <a:extLst>
              <a:ext uri="{FF2B5EF4-FFF2-40B4-BE49-F238E27FC236}">
                <a16:creationId xmlns:a16="http://schemas.microsoft.com/office/drawing/2014/main" id="{B5ADFAB7-C69B-07DA-ECE1-8CF3DCFF9108}"/>
              </a:ext>
            </a:extLst>
          </p:cNvPr>
          <p:cNvSpPr txBox="1"/>
          <p:nvPr/>
        </p:nvSpPr>
        <p:spPr>
          <a:xfrm>
            <a:off x="2250042" y="503423"/>
            <a:ext cx="9538586" cy="1384995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800" b="1">
                <a:latin typeface="Kristen ITC"/>
              </a:rPr>
              <a:t>When we read, we may come across a word or an expression that we do not understand. When this happens, what can we do?</a:t>
            </a:r>
            <a:endParaRPr lang="en-US" sz="2800" b="1">
              <a:latin typeface="Kristen ITC" panose="03050502040202030202" pitchFamily="66" charset="0"/>
            </a:endParaRPr>
          </a:p>
        </p:txBody>
      </p:sp>
      <p:pic>
        <p:nvPicPr>
          <p:cNvPr id="15" name="loose">
            <a:hlinkClick r:id="" action="ppaction://media"/>
            <a:extLst>
              <a:ext uri="{FF2B5EF4-FFF2-40B4-BE49-F238E27FC236}">
                <a16:creationId xmlns:a16="http://schemas.microsoft.com/office/drawing/2014/main" id="{7B83A870-A05C-E75C-01F8-196486FC84A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 rot="5400000">
            <a:off x="13317220" y="2889112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0813095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4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879" fill="hold"/>
                                        <p:tgtEl>
                                          <p:spTgt spid="1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5"/>
                </p:tgtEl>
              </p:cMediaNode>
            </p:audio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Box 9">
            <a:extLst>
              <a:ext uri="{FF2B5EF4-FFF2-40B4-BE49-F238E27FC236}">
                <a16:creationId xmlns:a16="http://schemas.microsoft.com/office/drawing/2014/main" id="{628F73D5-08C7-44A4-2761-AB75FB4AAF53}"/>
              </a:ext>
            </a:extLst>
          </p:cNvPr>
          <p:cNvSpPr txBox="1"/>
          <p:nvPr/>
        </p:nvSpPr>
        <p:spPr>
          <a:xfrm>
            <a:off x="2638483" y="4323077"/>
            <a:ext cx="8796771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If we substitute ‘extremely happy’ in the sentence, does it still make sense? Look for clues in the surrounding text to help you check.</a:t>
            </a:r>
          </a:p>
        </p:txBody>
      </p:sp>
      <p:pic>
        <p:nvPicPr>
          <p:cNvPr id="12" name="Picture 4">
            <a:extLst>
              <a:ext uri="{FF2B5EF4-FFF2-40B4-BE49-F238E27FC236}">
                <a16:creationId xmlns:a16="http://schemas.microsoft.com/office/drawing/2014/main" id="{C8B3BE4C-5A97-1C41-067E-154F0E0AAFF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405161" y="3558951"/>
            <a:ext cx="2233323" cy="27010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5" name="Rectangle: Rounded Corners 24">
            <a:extLst>
              <a:ext uri="{FF2B5EF4-FFF2-40B4-BE49-F238E27FC236}">
                <a16:creationId xmlns:a16="http://schemas.microsoft.com/office/drawing/2014/main" id="{BFE5DD75-F344-104F-2E42-1DE3BA48AA40}"/>
              </a:ext>
            </a:extLst>
          </p:cNvPr>
          <p:cNvSpPr/>
          <p:nvPr/>
        </p:nvSpPr>
        <p:spPr>
          <a:xfrm>
            <a:off x="849542" y="320534"/>
            <a:ext cx="10750053" cy="2843679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A622C2C4-7223-9CD0-218D-0D0AC7F32C2A}"/>
              </a:ext>
            </a:extLst>
          </p:cNvPr>
          <p:cNvSpPr txBox="1"/>
          <p:nvPr/>
        </p:nvSpPr>
        <p:spPr>
          <a:xfrm>
            <a:off x="1112571" y="478951"/>
            <a:ext cx="10487024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4000"/>
              <a:t>It was time for the marching band to come onto the brightly lit field. The huge crowd was ecstatic! People screamed and cheered, showing their excitement.</a:t>
            </a:r>
          </a:p>
        </p:txBody>
      </p:sp>
      <p:sp>
        <p:nvSpPr>
          <p:cNvPr id="11" name="Rectangle 10">
            <a:extLst>
              <a:ext uri="{FF2B5EF4-FFF2-40B4-BE49-F238E27FC236}">
                <a16:creationId xmlns:a16="http://schemas.microsoft.com/office/drawing/2014/main" id="{6B446582-AFE9-ED73-A08C-A68C7AA4A94C}"/>
              </a:ext>
            </a:extLst>
          </p:cNvPr>
          <p:cNvSpPr/>
          <p:nvPr/>
        </p:nvSpPr>
        <p:spPr>
          <a:xfrm>
            <a:off x="9648168" y="1183213"/>
            <a:ext cx="1598590" cy="541061"/>
          </a:xfrm>
          <a:prstGeom prst="rect">
            <a:avLst/>
          </a:prstGeom>
          <a:solidFill>
            <a:schemeClr val="accent4"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ectangle 13">
            <a:extLst>
              <a:ext uri="{FF2B5EF4-FFF2-40B4-BE49-F238E27FC236}">
                <a16:creationId xmlns:a16="http://schemas.microsoft.com/office/drawing/2014/main" id="{00899030-55F2-5102-EAE8-C8969EC40739}"/>
              </a:ext>
            </a:extLst>
          </p:cNvPr>
          <p:cNvSpPr/>
          <p:nvPr/>
        </p:nvSpPr>
        <p:spPr>
          <a:xfrm>
            <a:off x="1112571" y="1804459"/>
            <a:ext cx="9334892" cy="583475"/>
          </a:xfrm>
          <a:prstGeom prst="rect">
            <a:avLst/>
          </a:prstGeom>
          <a:solidFill>
            <a:schemeClr val="accent6">
              <a:lumMod val="60000"/>
              <a:lumOff val="40000"/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4" name="Rectangle 23">
            <a:extLst>
              <a:ext uri="{FF2B5EF4-FFF2-40B4-BE49-F238E27FC236}">
                <a16:creationId xmlns:a16="http://schemas.microsoft.com/office/drawing/2014/main" id="{81E350ED-14BE-9F9D-71FE-1E51C1E41833}"/>
              </a:ext>
            </a:extLst>
          </p:cNvPr>
          <p:cNvSpPr/>
          <p:nvPr/>
        </p:nvSpPr>
        <p:spPr>
          <a:xfrm>
            <a:off x="1112571" y="2396044"/>
            <a:ext cx="2419085" cy="583475"/>
          </a:xfrm>
          <a:prstGeom prst="rect">
            <a:avLst/>
          </a:prstGeom>
          <a:solidFill>
            <a:schemeClr val="accent6">
              <a:lumMod val="60000"/>
              <a:lumOff val="40000"/>
              <a:alpha val="30196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235394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4" grpId="0" animBg="1"/>
      <p:bldP spid="24" grpId="0" animBg="1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4">
            <a:extLst>
              <a:ext uri="{FF2B5EF4-FFF2-40B4-BE49-F238E27FC236}">
                <a16:creationId xmlns:a16="http://schemas.microsoft.com/office/drawing/2014/main" id="{0B813E14-EACF-49E8-A7CD-E188F02C824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467847" y="105047"/>
            <a:ext cx="1711565" cy="20700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EE70F44E-63AC-480B-8B31-DA327D4DDA6B}"/>
              </a:ext>
            </a:extLst>
          </p:cNvPr>
          <p:cNvSpPr txBox="1"/>
          <p:nvPr/>
        </p:nvSpPr>
        <p:spPr>
          <a:xfrm>
            <a:off x="2209800" y="914400"/>
            <a:ext cx="7247709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Let’s review this one last time …</a:t>
            </a:r>
          </a:p>
        </p:txBody>
      </p:sp>
      <p:grpSp>
        <p:nvGrpSpPr>
          <p:cNvPr id="9" name="Group 8">
            <a:extLst>
              <a:ext uri="{FF2B5EF4-FFF2-40B4-BE49-F238E27FC236}">
                <a16:creationId xmlns:a16="http://schemas.microsoft.com/office/drawing/2014/main" id="{8FD0E447-A492-B089-8B50-4B9EAC9E4E2D}"/>
              </a:ext>
            </a:extLst>
          </p:cNvPr>
          <p:cNvGrpSpPr/>
          <p:nvPr/>
        </p:nvGrpSpPr>
        <p:grpSpPr>
          <a:xfrm>
            <a:off x="962525" y="2094369"/>
            <a:ext cx="10266950" cy="2553831"/>
            <a:chOff x="1197885" y="458742"/>
            <a:chExt cx="8991179" cy="2123705"/>
          </a:xfrm>
        </p:grpSpPr>
        <p:grpSp>
          <p:nvGrpSpPr>
            <p:cNvPr id="11" name="Group 10">
              <a:extLst>
                <a:ext uri="{FF2B5EF4-FFF2-40B4-BE49-F238E27FC236}">
                  <a16:creationId xmlns:a16="http://schemas.microsoft.com/office/drawing/2014/main" id="{878DDE77-01FD-7B32-00FA-7B068944CEBF}"/>
                </a:ext>
              </a:extLst>
            </p:cNvPr>
            <p:cNvGrpSpPr/>
            <p:nvPr/>
          </p:nvGrpSpPr>
          <p:grpSpPr>
            <a:xfrm>
              <a:off x="1197885" y="458742"/>
              <a:ext cx="8991179" cy="2123705"/>
              <a:chOff x="1197885" y="458742"/>
              <a:chExt cx="8991179" cy="2123705"/>
            </a:xfrm>
          </p:grpSpPr>
          <p:grpSp>
            <p:nvGrpSpPr>
              <p:cNvPr id="15" name="Group 14">
                <a:extLst>
                  <a:ext uri="{FF2B5EF4-FFF2-40B4-BE49-F238E27FC236}">
                    <a16:creationId xmlns:a16="http://schemas.microsoft.com/office/drawing/2014/main" id="{80892548-71AC-AA0B-9CF4-E284B2C20454}"/>
                  </a:ext>
                </a:extLst>
              </p:cNvPr>
              <p:cNvGrpSpPr/>
              <p:nvPr/>
            </p:nvGrpSpPr>
            <p:grpSpPr>
              <a:xfrm>
                <a:off x="1197885" y="458742"/>
                <a:ext cx="8991179" cy="2123705"/>
                <a:chOff x="1546227" y="-1486807"/>
                <a:chExt cx="8991179" cy="2123705"/>
              </a:xfrm>
            </p:grpSpPr>
            <p:sp>
              <p:nvSpPr>
                <p:cNvPr id="17" name="Rectangle 16">
                  <a:extLst>
                    <a:ext uri="{FF2B5EF4-FFF2-40B4-BE49-F238E27FC236}">
                      <a16:creationId xmlns:a16="http://schemas.microsoft.com/office/drawing/2014/main" id="{C737556B-5261-6388-5355-2AC04116A79F}"/>
                    </a:ext>
                  </a:extLst>
                </p:cNvPr>
                <p:cNvSpPr/>
                <p:nvPr/>
              </p:nvSpPr>
              <p:spPr>
                <a:xfrm>
                  <a:off x="2046549" y="-1325343"/>
                  <a:ext cx="8490857" cy="1962241"/>
                </a:xfrm>
                <a:prstGeom prst="rect">
                  <a:avLst/>
                </a:prstGeom>
                <a:solidFill>
                  <a:srgbClr val="906AAB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18" name="Rectangle 17">
                  <a:extLst>
                    <a:ext uri="{FF2B5EF4-FFF2-40B4-BE49-F238E27FC236}">
                      <a16:creationId xmlns:a16="http://schemas.microsoft.com/office/drawing/2014/main" id="{8CCB4C64-A828-650B-F2A4-08A2404B2BF4}"/>
                    </a:ext>
                  </a:extLst>
                </p:cNvPr>
                <p:cNvSpPr/>
                <p:nvPr/>
              </p:nvSpPr>
              <p:spPr>
                <a:xfrm>
                  <a:off x="1959428" y="-1425847"/>
                  <a:ext cx="8490857" cy="1962241"/>
                </a:xfrm>
                <a:prstGeom prst="rect">
                  <a:avLst/>
                </a:prstGeom>
                <a:solidFill>
                  <a:srgbClr val="E6E1F0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pic>
              <p:nvPicPr>
                <p:cNvPr id="19" name="Picture 18">
                  <a:extLst>
                    <a:ext uri="{FF2B5EF4-FFF2-40B4-BE49-F238E27FC236}">
                      <a16:creationId xmlns:a16="http://schemas.microsoft.com/office/drawing/2014/main" id="{4663D750-CDBB-0DD8-ADCC-C023400B18A0}"/>
                    </a:ext>
                  </a:extLst>
                </p:cNvPr>
                <p:cNvPicPr>
                  <a:picLocks noChangeAspect="1"/>
                </p:cNvPicPr>
                <p:nvPr/>
              </p:nvPicPr>
              <p:blipFill rotWithShape="1">
                <a:blip r:embed="rId5" cstate="print">
                  <a:extLst>
                    <a:ext uri="{BEBA8EAE-BF5A-486C-A8C5-ECC9F3942E4B}">
                      <a14:imgProps xmlns:a14="http://schemas.microsoft.com/office/drawing/2010/main">
                        <a14:imgLayer r:embed="rId6">
                          <a14:imgEffect>
                            <a14:backgroundRemoval t="7109" b="79621" l="9504" r="92562">
                              <a14:foregroundMark x1="10124" y1="54028" x2="10537" y2="69668"/>
                              <a14:foregroundMark x1="23967" y1="32227" x2="31818" y2="36493"/>
                              <a14:foregroundMark x1="92975" y1="43128" x2="76446" y2="36967"/>
                              <a14:foregroundMark x1="76860" y1="35545" x2="41942" y2="41232"/>
                              <a14:foregroundMark x1="52686" y1="39810" x2="25000" y2="34597"/>
                              <a14:foregroundMark x1="13843" y1="80095" x2="13843" y2="80095"/>
                            </a14:backgroundRemoval>
                          </a14:imgEffect>
                        </a14:imgLayer>
                      </a14:imgProps>
                    </a:ext>
                    <a:ext uri="{28A0092B-C50C-407E-A947-70E740481C1C}">
                      <a14:useLocalDpi xmlns:a14="http://schemas.microsoft.com/office/drawing/2010/main"/>
                    </a:ext>
                  </a:extLst>
                </a:blip>
                <a:srcRect/>
                <a:stretch/>
              </p:blipFill>
              <p:spPr>
                <a:xfrm>
                  <a:off x="1546227" y="-1486807"/>
                  <a:ext cx="2950028" cy="1286647"/>
                </a:xfrm>
                <a:prstGeom prst="rect">
                  <a:avLst/>
                </a:prstGeom>
              </p:spPr>
            </p:pic>
          </p:grpSp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422F3E53-0247-AD7A-C6D0-03ED8D8EE64F}"/>
                  </a:ext>
                </a:extLst>
              </p:cNvPr>
              <p:cNvSpPr txBox="1"/>
              <p:nvPr/>
            </p:nvSpPr>
            <p:spPr>
              <a:xfrm>
                <a:off x="1996578" y="1329890"/>
                <a:ext cx="7950199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400"/>
                  <a:t>The part of speech of a word tells us its relationship with other words in the sentence. This will help us guess the word’s meaning and help us answer related comprehension questions.</a:t>
                </a:r>
              </a:p>
            </p:txBody>
          </p:sp>
        </p:grp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E1E07AAE-2701-8635-0005-3033E330F1B9}"/>
                </a:ext>
              </a:extLst>
            </p:cNvPr>
            <p:cNvSpPr txBox="1"/>
            <p:nvPr/>
          </p:nvSpPr>
          <p:spPr>
            <a:xfrm>
              <a:off x="4178301" y="719293"/>
              <a:ext cx="5923643" cy="3839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400" b="1"/>
                <a:t>Working out the meaning of words and phrases (II)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0963418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2234483422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文字方塊 9">
            <a:extLst>
              <a:ext uri="{FF2B5EF4-FFF2-40B4-BE49-F238E27FC236}">
                <a16:creationId xmlns:a16="http://schemas.microsoft.com/office/drawing/2014/main" id="{3F8476B1-807A-4A8D-A7ED-2778C676755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14819" y="710247"/>
            <a:ext cx="11026693" cy="4351338"/>
          </a:xfrm>
          <a:prstGeom prst="rect">
            <a:avLst/>
          </a:prstGeom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lIns="91440" tIns="45720" rIns="91440" bIns="45720" rtlCol="0">
            <a:norm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eaLnBrk="1" hangingPunct="1">
              <a:lnSpc>
                <a:spcPct val="90000"/>
              </a:lnSpc>
              <a:spcAft>
                <a:spcPts val="600"/>
              </a:spcAft>
              <a:buSzTx/>
            </a:pPr>
            <a:r>
              <a:rPr lang="en-US" altLang="zh-HK" sz="1600" b="1">
                <a:latin typeface="+mn-lt"/>
                <a:cs typeface="+mn-cs"/>
              </a:rPr>
              <a:t>Acknowledgments</a:t>
            </a:r>
            <a:endParaRPr lang="en-US" altLang="zh-TW" sz="1900" b="1">
              <a:latin typeface="+mn-lt"/>
              <a:cs typeface="+mn-cs"/>
            </a:endParaRP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buSzTx/>
            </a:pPr>
            <a:r>
              <a:rPr lang="en-US" altLang="zh-HK" sz="1200">
                <a:latin typeface="+mn-lt"/>
                <a:cs typeface="+mn-cs"/>
              </a:rPr>
              <a:t>We are grateful to the following for permission to reproduce copyright photographs: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</a:pPr>
            <a:endParaRPr lang="en-US" altLang="zh-HK" sz="1200">
              <a:latin typeface="+mn-lt"/>
              <a:cs typeface="+mn-cs"/>
            </a:endParaRPr>
          </a:p>
          <a:p>
            <a:pPr eaLnBrk="1" hangingPunct="1">
              <a:lnSpc>
                <a:spcPct val="90000"/>
              </a:lnSpc>
              <a:spcAft>
                <a:spcPts val="600"/>
              </a:spcAft>
            </a:pPr>
            <a:r>
              <a:rPr lang="en-US" altLang="zh-HK" sz="1200" err="1">
                <a:latin typeface="+mn-lt"/>
                <a:cs typeface="+mn-cs"/>
              </a:rPr>
              <a:t>autumnn</a:t>
            </a:r>
            <a:r>
              <a:rPr lang="en-US" altLang="zh-HK" sz="1200">
                <a:latin typeface="+mn-lt"/>
                <a:cs typeface="+mn-cs"/>
              </a:rPr>
              <a:t>.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</a:pPr>
            <a:r>
              <a:rPr lang="en-US" altLang="zh-HK" sz="1200" err="1">
                <a:latin typeface="+mn-lt"/>
                <a:cs typeface="+mn-cs"/>
              </a:rPr>
              <a:t>Mintoboru</a:t>
            </a:r>
            <a:r>
              <a:rPr lang="en-US" altLang="zh-HK" sz="1200">
                <a:latin typeface="+mn-lt"/>
                <a:cs typeface="+mn-cs"/>
              </a:rPr>
              <a:t>.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</a:pPr>
            <a:r>
              <a:rPr lang="en-US" altLang="zh-HK" sz="1200" err="1">
                <a:latin typeface="+mn-lt"/>
                <a:cs typeface="+mn-cs"/>
              </a:rPr>
              <a:t>yopinco</a:t>
            </a:r>
            <a:r>
              <a:rPr lang="en-US" altLang="zh-HK" sz="1200">
                <a:latin typeface="+mn-lt"/>
                <a:cs typeface="+mn-cs"/>
              </a:rPr>
              <a:t> / Shutterstock</a:t>
            </a:r>
          </a:p>
          <a:p>
            <a:pPr eaLnBrk="1" hangingPunct="1">
              <a:lnSpc>
                <a:spcPct val="90000"/>
              </a:lnSpc>
              <a:spcAft>
                <a:spcPts val="600"/>
              </a:spcAft>
            </a:pPr>
            <a:endParaRPr lang="en-US" altLang="zh-HK" sz="1200">
              <a:latin typeface="+mn-lt"/>
              <a:cs typeface="+mn-cs"/>
            </a:endParaRPr>
          </a:p>
          <a:p>
            <a:pPr eaLnBrk="1" hangingPunct="1">
              <a:lnSpc>
                <a:spcPct val="90000"/>
              </a:lnSpc>
              <a:spcAft>
                <a:spcPts val="600"/>
              </a:spcAft>
              <a:buSzTx/>
            </a:pPr>
            <a:r>
              <a:rPr lang="en-US" altLang="zh-HK" sz="1200">
                <a:latin typeface="+mn-lt"/>
                <a:cs typeface="+mn-cs"/>
              </a:rPr>
              <a:t>Every effort has been made to trace copyright, but in the event of any accidental infringement, we shall be pleased to come to a suitable arrangement with the rightful owner.</a:t>
            </a:r>
            <a:endParaRPr lang="en-US" altLang="zh-TW" sz="1200">
              <a:latin typeface="+mn-lt"/>
              <a:cs typeface="+mn-cs"/>
            </a:endParaRPr>
          </a:p>
          <a:p>
            <a:pPr eaLnBrk="1" hangingPunct="1">
              <a:lnSpc>
                <a:spcPct val="90000"/>
              </a:lnSpc>
              <a:spcAft>
                <a:spcPts val="600"/>
              </a:spcAft>
            </a:pPr>
            <a:endParaRPr kumimoji="0" lang="en-US" altLang="zh-TW" sz="1900">
              <a:latin typeface="+mn-lt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5253614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18">
            <a:extLst>
              <a:ext uri="{FF2B5EF4-FFF2-40B4-BE49-F238E27FC236}">
                <a16:creationId xmlns:a16="http://schemas.microsoft.com/office/drawing/2014/main" id="{778E1F61-A008-99A6-6198-780819FC6ADF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screen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9927" b="89864" l="9959" r="89938">
                        <a14:foregroundMark x1="29149" y1="36991" x2="62863" y2="65204"/>
                        <a14:foregroundMark x1="62863" y1="65204" x2="63693" y2="66876"/>
                        <a14:foregroundMark x1="54876" y1="37513" x2="51349" y2="69383"/>
                        <a14:foregroundMark x1="30602" y1="47440" x2="63174" y2="52456"/>
                        <a14:foregroundMark x1="30083" y1="47440" x2="59440" y2="56531"/>
                        <a14:foregroundMark x1="59440" y1="56531" x2="60270" y2="57367"/>
                        <a14:foregroundMark x1="29149" y1="48903" x2="29149" y2="4890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8269147" y="4405485"/>
            <a:ext cx="2365799" cy="2346707"/>
          </a:xfrm>
          <a:prstGeom prst="rect">
            <a:avLst/>
          </a:prstGeom>
        </p:spPr>
      </p:pic>
      <p:grpSp>
        <p:nvGrpSpPr>
          <p:cNvPr id="27" name="Group 26">
            <a:extLst>
              <a:ext uri="{FF2B5EF4-FFF2-40B4-BE49-F238E27FC236}">
                <a16:creationId xmlns:a16="http://schemas.microsoft.com/office/drawing/2014/main" id="{4F4F1BC8-6FF5-4D20-0901-48562DC46961}"/>
              </a:ext>
            </a:extLst>
          </p:cNvPr>
          <p:cNvGrpSpPr/>
          <p:nvPr/>
        </p:nvGrpSpPr>
        <p:grpSpPr>
          <a:xfrm>
            <a:off x="2432030" y="1850667"/>
            <a:ext cx="9049159" cy="4993044"/>
            <a:chOff x="2432030" y="1850667"/>
            <a:chExt cx="9049159" cy="4993044"/>
          </a:xfrm>
        </p:grpSpPr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AB6BEC97-6786-6B01-5B6F-C5129533B979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8" cstate="screen">
              <a:alphaModFix/>
              <a:extLst>
                <a:ext uri="{BEBA8EAE-BF5A-486C-A8C5-ECC9F3942E4B}">
                  <a14:imgProps xmlns:a14="http://schemas.microsoft.com/office/drawing/2010/main">
                    <a14:imgLayer r:embed="rId9">
                      <a14:imgEffect>
                        <a14:backgroundRemoval t="1404" b="100000" l="3674" r="90247">
                          <a14:foregroundMark x1="41283" y1="12585" x2="37675" y2="62663"/>
                          <a14:foregroundMark x1="68003" y1="25949" x2="59385" y2="52418"/>
                          <a14:foregroundMark x1="39011" y1="40094" x2="33601" y2="57722"/>
                          <a14:foregroundMark x1="33601" y1="57722" x2="33601" y2="57722"/>
                          <a14:foregroundMark x1="28591" y1="14665" x2="22979" y2="29485"/>
                          <a14:foregroundMark x1="22979" y1="29485" x2="26787" y2="51742"/>
                          <a14:foregroundMark x1="26787" y1="51742" x2="26787" y2="51742"/>
                          <a14:foregroundMark x1="29058" y1="41498" x2="48096" y2="64067"/>
                          <a14:foregroundMark x1="68470" y1="41134" x2="66667" y2="63391"/>
                          <a14:foregroundMark x1="66667" y1="63391" x2="66667" y2="63391"/>
                          <a14:foregroundMark x1="63928" y1="33385" x2="53975" y2="66927"/>
                          <a14:foregroundMark x1="69405" y1="37598" x2="61657" y2="66927"/>
                          <a14:foregroundMark x1="65731" y1="41862" x2="56713" y2="55278"/>
                          <a14:foregroundMark x1="30862" y1="16797" x2="27655" y2="36557"/>
                          <a14:foregroundMark x1="49900" y1="4108" x2="68470" y2="11596"/>
                          <a14:foregroundMark x1="68470" y1="11596" x2="84636" y2="30421"/>
                          <a14:foregroundMark x1="84636" y1="30421" x2="83901" y2="43630"/>
                          <a14:foregroundMark x1="66667" y1="16797" x2="87041" y2="32345"/>
                          <a14:foregroundMark x1="21309" y1="3016" x2="3674" y2="19969"/>
                          <a14:foregroundMark x1="19038" y1="1612" x2="16834" y2="5148"/>
                          <a14:foregroundMark x1="29526" y1="14353" x2="8484" y2="30005"/>
                          <a14:foregroundMark x1="8484" y1="30005" x2="16366" y2="48206"/>
                          <a14:foregroundMark x1="46293" y1="7280" x2="17101" y2="19969"/>
                          <a14:foregroundMark x1="17101" y1="19969" x2="16834" y2="27405"/>
                          <a14:foregroundMark x1="36807" y1="8112" x2="35538" y2="23765"/>
                          <a14:foregroundMark x1="35538" y1="23765" x2="52973" y2="6292"/>
                          <a14:foregroundMark x1="36941" y1="3172" x2="34469" y2="2704"/>
                          <a14:foregroundMark x1="52973" y1="6292" x2="43420" y2="4420"/>
                          <a14:foregroundMark x1="61189" y1="5512" x2="88243" y2="26053"/>
                          <a14:foregroundMark x1="88243" y1="26053" x2="84369" y2="48206"/>
                          <a14:foregroundMark x1="84369" y1="48206" x2="84369" y2="48206"/>
                          <a14:foregroundMark x1="64395" y1="8684" x2="86306" y2="28497"/>
                          <a14:foregroundMark x1="86306" y1="28497" x2="90247" y2="36557"/>
                          <a14:foregroundMark x1="44890" y1="5512" x2="35404" y2="29173"/>
                          <a14:foregroundMark x1="35404" y1="29173" x2="35404" y2="29173"/>
                          <a14:foregroundMark x1="29392" y1="12220" x2="21309" y2="19969"/>
                          <a14:foregroundMark x1="21309" y1="19969" x2="21309" y2="19969"/>
                          <a14:foregroundMark x1="32131" y1="10660" x2="37208" y2="10088"/>
                          <a14:foregroundMark x1="37208" y1="10088" x2="37208" y2="10088"/>
                          <a14:foregroundMark x1="33133" y1="10088" x2="23180" y2="28809"/>
                          <a14:foregroundMark x1="23180" y1="28809" x2="23180" y2="28809"/>
                          <a14:foregroundMark x1="17368" y1="13313" x2="5945" y2="18565"/>
                          <a14:foregroundMark x1="5945" y1="18565" x2="5945" y2="18565"/>
                          <a14:foregroundMark x1="22712" y1="83151" x2="37943" y2="93708"/>
                          <a14:foregroundMark x1="37943" y1="93708" x2="59319" y2="94020"/>
                          <a14:foregroundMark x1="59319" y1="94020" x2="68938" y2="90536"/>
                          <a14:foregroundMark x1="14562" y1="97244" x2="30862" y2="99948"/>
                          <a14:foregroundMark x1="60855" y1="99584" x2="89312" y2="95112"/>
                          <a14:foregroundMark x1="50367" y1="73583" x2="57114" y2="89132"/>
                          <a14:foregroundMark x1="36273" y1="78887" x2="53507" y2="91576"/>
                          <a14:foregroundMark x1="53507" y1="91576" x2="53507" y2="91576"/>
                          <a14:foregroundMark x1="61189" y1="99220" x2="66399" y2="99948"/>
                          <a14:foregroundMark x1="44422" y1="96880" x2="59586" y2="99012"/>
                          <a14:foregroundMark x1="44021" y1="98648" x2="61256" y2="99064"/>
                          <a14:foregroundMark x1="38076" y1="97244" x2="60855" y2="99688"/>
                          <a14:foregroundMark x1="42218" y1="98284" x2="53507" y2="97244"/>
                          <a14:foregroundMark x1="44890" y1="96880" x2="50835" y2="99948"/>
                          <a14:foregroundMark x1="41283" y1="89496" x2="46293" y2="97608"/>
                          <a14:foregroundMark x1="64329" y1="98284" x2="43554" y2="99948"/>
                          <a14:foregroundMark x1="64395" y1="98284" x2="64395" y2="98284"/>
                          <a14:foregroundMark x1="33601" y1="8684" x2="21777" y2="18565"/>
                          <a14:foregroundMark x1="28123" y1="12585" x2="20441" y2="18565"/>
                          <a14:foregroundMark x1="28591" y1="13261" x2="12692" y2="26677"/>
                          <a14:foregroundMark x1="33133" y1="9412" x2="24983" y2="12897"/>
                          <a14:foregroundMark x1="13627" y1="27041" x2="11824" y2="44670"/>
                          <a14:foregroundMark x1="48965" y1="97972" x2="58851" y2="99948"/>
                          <a14:foregroundMark x1="42218" y1="5148" x2="18771" y2="14561"/>
                          <a14:foregroundMark x1="18771" y1="14561" x2="41951" y2="7956"/>
                          <a14:foregroundMark x1="41951" y1="7956" x2="42218" y2="7956"/>
                          <a14:backgroundMark x1="60721" y1="99740" x2="59786" y2="99948"/>
                          <a14:backgroundMark x1="85237" y1="91264" x2="88444" y2="93344"/>
                          <a14:backgroundMark x1="86573" y1="93344" x2="84369" y2="83151"/>
                          <a14:backgroundMark x1="26787" y1="6240" x2="23580" y2="11180"/>
                          <a14:backgroundMark x1="22712" y1="6552" x2="11356" y2="17161"/>
                          <a14:backgroundMark x1="20107" y1="15705" x2="11824" y2="20333"/>
                          <a14:backgroundMark x1="39011" y1="3744" x2="19372" y2="12897"/>
                        </a14:backgroundRemoval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2432030" y="3757925"/>
              <a:ext cx="2402160" cy="3085786"/>
            </a:xfrm>
            <a:prstGeom prst="rect">
              <a:avLst/>
            </a:prstGeom>
          </p:spPr>
        </p:pic>
        <p:sp>
          <p:nvSpPr>
            <p:cNvPr id="25" name="Thought Bubble: Cloud 24">
              <a:extLst>
                <a:ext uri="{FF2B5EF4-FFF2-40B4-BE49-F238E27FC236}">
                  <a16:creationId xmlns:a16="http://schemas.microsoft.com/office/drawing/2014/main" id="{E2EB081F-A8A0-62A2-5F02-3F4B7632E10C}"/>
                </a:ext>
              </a:extLst>
            </p:cNvPr>
            <p:cNvSpPr/>
            <p:nvPr/>
          </p:nvSpPr>
          <p:spPr>
            <a:xfrm>
              <a:off x="4094869" y="1850667"/>
              <a:ext cx="7386320" cy="2792260"/>
            </a:xfrm>
            <a:prstGeom prst="cloudCallout">
              <a:avLst/>
            </a:prstGeom>
            <a:solidFill>
              <a:schemeClr val="accent6">
                <a:lumMod val="20000"/>
                <a:lumOff val="80000"/>
              </a:schemeClr>
            </a:solidFill>
            <a:ln>
              <a:solidFill>
                <a:schemeClr val="accent6">
                  <a:lumMod val="20000"/>
                  <a:lumOff val="80000"/>
                </a:schemeClr>
              </a:solidFill>
            </a:ln>
          </p:spPr>
          <p:style>
            <a:lnRef idx="1">
              <a:schemeClr val="accent4"/>
            </a:lnRef>
            <a:fillRef idx="2">
              <a:schemeClr val="accent4"/>
            </a:fillRef>
            <a:effectRef idx="1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en-US" sz="4000" b="1">
                  <a:latin typeface="Kristen ITC"/>
                </a:rPr>
                <a:t>Try to ‘</a:t>
              </a:r>
              <a:r>
                <a:rPr lang="en-US" sz="4000" b="1">
                  <a:solidFill>
                    <a:srgbClr val="0070C0"/>
                  </a:solidFill>
                  <a:latin typeface="Kristen ITC"/>
                </a:rPr>
                <a:t>work out</a:t>
              </a:r>
              <a:r>
                <a:rPr lang="en-US" sz="4000" b="1">
                  <a:latin typeface="Kristen ITC"/>
                </a:rPr>
                <a:t>’ the meaning from the context.</a:t>
              </a:r>
              <a:endParaRPr lang="en-HK" sz="4000"/>
            </a:p>
          </p:txBody>
        </p:sp>
      </p:grpSp>
      <p:pic>
        <p:nvPicPr>
          <p:cNvPr id="1028" name="Picture 4">
            <a:extLst>
              <a:ext uri="{FF2B5EF4-FFF2-40B4-BE49-F238E27FC236}">
                <a16:creationId xmlns:a16="http://schemas.microsoft.com/office/drawing/2014/main" id="{35E02C0E-513A-4BA1-9578-E91B15A2ED9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312499" y="327212"/>
            <a:ext cx="1792275" cy="216766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2" name="TextBox 21">
            <a:extLst>
              <a:ext uri="{FF2B5EF4-FFF2-40B4-BE49-F238E27FC236}">
                <a16:creationId xmlns:a16="http://schemas.microsoft.com/office/drawing/2014/main" id="{B5ADFAB7-C69B-07DA-ECE1-8CF3DCFF9108}"/>
              </a:ext>
            </a:extLst>
          </p:cNvPr>
          <p:cNvSpPr txBox="1"/>
          <p:nvPr/>
        </p:nvSpPr>
        <p:spPr>
          <a:xfrm>
            <a:off x="2250042" y="503423"/>
            <a:ext cx="9538586" cy="1384995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800" b="1">
                <a:latin typeface="Kristen ITC"/>
              </a:rPr>
              <a:t>When we read, we may come across a word or an expression that we do not understand. When this happens, what can we do?</a:t>
            </a:r>
            <a:endParaRPr lang="en-US" sz="2800" b="1">
              <a:latin typeface="Kristen ITC" panose="03050502040202030202" pitchFamily="66" charset="0"/>
            </a:endParaRPr>
          </a:p>
        </p:txBody>
      </p:sp>
      <p:pic>
        <p:nvPicPr>
          <p:cNvPr id="30" name="correct_ding">
            <a:hlinkClick r:id="" action="ppaction://media"/>
            <a:extLst>
              <a:ext uri="{FF2B5EF4-FFF2-40B4-BE49-F238E27FC236}">
                <a16:creationId xmlns:a16="http://schemas.microsoft.com/office/drawing/2014/main" id="{6E07EAD2-F450-7700-4DD2-2D2DAE85F4B8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12910820" y="4611038"/>
            <a:ext cx="406400" cy="406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018099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4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573" fill="hold"/>
                                        <p:tgtEl>
                                          <p:spTgt spid="3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0"/>
                </p:tgtEl>
              </p:cMediaNode>
            </p:audio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8" name="Picture 4">
            <a:extLst>
              <a:ext uri="{FF2B5EF4-FFF2-40B4-BE49-F238E27FC236}">
                <a16:creationId xmlns:a16="http://schemas.microsoft.com/office/drawing/2014/main" id="{35E02C0E-513A-4BA1-9578-E91B15A2ED9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312499" y="327212"/>
            <a:ext cx="1792275" cy="216766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2B34F80B-065C-402B-9895-22DB463BEFFC}"/>
              </a:ext>
            </a:extLst>
          </p:cNvPr>
          <p:cNvSpPr txBox="1"/>
          <p:nvPr/>
        </p:nvSpPr>
        <p:spPr>
          <a:xfrm>
            <a:off x="1897409" y="3157314"/>
            <a:ext cx="2294969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C00000"/>
                </a:solidFill>
                <a:latin typeface="Kristen ITC" panose="03050502040202030202" pitchFamily="66" charset="0"/>
              </a:rPr>
              <a:t>noun?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5A12F5E1-C358-A855-F0C6-AEA677B9B4BD}"/>
              </a:ext>
            </a:extLst>
          </p:cNvPr>
          <p:cNvSpPr txBox="1"/>
          <p:nvPr/>
        </p:nvSpPr>
        <p:spPr>
          <a:xfrm>
            <a:off x="3781088" y="4229744"/>
            <a:ext cx="343956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chemeClr val="accent4"/>
                </a:solidFill>
                <a:latin typeface="Kristen ITC" panose="03050502040202030202" pitchFamily="66" charset="0"/>
              </a:rPr>
              <a:t>adverb?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A89012B4-B4E6-C9EB-ED90-11531942A141}"/>
              </a:ext>
            </a:extLst>
          </p:cNvPr>
          <p:cNvSpPr txBox="1"/>
          <p:nvPr/>
        </p:nvSpPr>
        <p:spPr>
          <a:xfrm>
            <a:off x="6373646" y="3060127"/>
            <a:ext cx="2294969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B0F0"/>
                </a:solidFill>
                <a:latin typeface="Kristen ITC" panose="03050502040202030202" pitchFamily="66" charset="0"/>
              </a:rPr>
              <a:t>verb?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9AF7D33-BA08-4650-899C-22B5E7E8E3C4}"/>
              </a:ext>
            </a:extLst>
          </p:cNvPr>
          <p:cNvSpPr txBox="1"/>
          <p:nvPr/>
        </p:nvSpPr>
        <p:spPr>
          <a:xfrm>
            <a:off x="7895483" y="4449474"/>
            <a:ext cx="3377039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chemeClr val="accent6"/>
                </a:solidFill>
                <a:latin typeface="Kristen ITC" panose="03050502040202030202" pitchFamily="66" charset="0"/>
              </a:rPr>
              <a:t>adjective?</a:t>
            </a:r>
          </a:p>
        </p:txBody>
      </p:sp>
      <p:pic>
        <p:nvPicPr>
          <p:cNvPr id="1026" name="Picture 2" descr="Light bulb with rays shine. Cartoon style. Flat style. Hand drawn style. Doodle style. Symbol of creativity, innovation, inspiration, invention and idea. Vector illustration">
            <a:extLst>
              <a:ext uri="{FF2B5EF4-FFF2-40B4-BE49-F238E27FC236}">
                <a16:creationId xmlns:a16="http://schemas.microsoft.com/office/drawing/2014/main" id="{03340FD5-A26A-BC55-6575-12111CB6E65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739109" y="5619454"/>
            <a:ext cx="731330" cy="77216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B3083A50-9A6B-4032-6A7C-D10A2CFFCD00}"/>
              </a:ext>
            </a:extLst>
          </p:cNvPr>
          <p:cNvSpPr txBox="1"/>
          <p:nvPr/>
        </p:nvSpPr>
        <p:spPr>
          <a:xfrm>
            <a:off x="4192378" y="1676502"/>
            <a:ext cx="4488737" cy="83099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4800" b="1">
                <a:latin typeface="Kristen ITC"/>
              </a:rPr>
              <a:t>Is it a / an…</a:t>
            </a:r>
            <a:endParaRPr lang="en-US" sz="4800" b="1">
              <a:latin typeface="Kristen ITC" panose="03050502040202030202" pitchFamily="66" charset="0"/>
            </a:endParaRP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11B39C3F-8392-63D0-FA7D-C7941CA7C19B}"/>
              </a:ext>
            </a:extLst>
          </p:cNvPr>
          <p:cNvSpPr txBox="1"/>
          <p:nvPr/>
        </p:nvSpPr>
        <p:spPr>
          <a:xfrm>
            <a:off x="2209800" y="914400"/>
            <a:ext cx="906272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Look at the unknown word and identify its part of speech.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9952054A-8901-A60E-97F9-79DAE70E3D8E}"/>
              </a:ext>
            </a:extLst>
          </p:cNvPr>
          <p:cNvSpPr txBox="1"/>
          <p:nvPr/>
        </p:nvSpPr>
        <p:spPr>
          <a:xfrm>
            <a:off x="2514599" y="5721971"/>
            <a:ext cx="9404499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Knowing this information will tell us its relationship with other words in the sentenc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85491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15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2" grpId="0"/>
      <p:bldP spid="3" grpId="0"/>
      <p:bldP spid="7" grpId="0"/>
      <p:bldP spid="11" grpId="0"/>
      <p:bldP spid="15" grpId="0"/>
      <p:bldP spid="16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" name="Group 18">
            <a:extLst>
              <a:ext uri="{FF2B5EF4-FFF2-40B4-BE49-F238E27FC236}">
                <a16:creationId xmlns:a16="http://schemas.microsoft.com/office/drawing/2014/main" id="{14436805-6583-4785-8641-82AE98B4A036}"/>
              </a:ext>
            </a:extLst>
          </p:cNvPr>
          <p:cNvGrpSpPr/>
          <p:nvPr/>
        </p:nvGrpSpPr>
        <p:grpSpPr>
          <a:xfrm>
            <a:off x="962525" y="2094369"/>
            <a:ext cx="10266950" cy="2553831"/>
            <a:chOff x="1197885" y="458742"/>
            <a:chExt cx="8991179" cy="2123705"/>
          </a:xfrm>
        </p:grpSpPr>
        <p:grpSp>
          <p:nvGrpSpPr>
            <p:cNvPr id="18" name="Group 17">
              <a:extLst>
                <a:ext uri="{FF2B5EF4-FFF2-40B4-BE49-F238E27FC236}">
                  <a16:creationId xmlns:a16="http://schemas.microsoft.com/office/drawing/2014/main" id="{B3867CB9-B682-4A2C-9C21-C0849505C2E0}"/>
                </a:ext>
              </a:extLst>
            </p:cNvPr>
            <p:cNvGrpSpPr/>
            <p:nvPr/>
          </p:nvGrpSpPr>
          <p:grpSpPr>
            <a:xfrm>
              <a:off x="1197885" y="458742"/>
              <a:ext cx="8991179" cy="2123705"/>
              <a:chOff x="1197885" y="458742"/>
              <a:chExt cx="8991179" cy="2123705"/>
            </a:xfrm>
          </p:grpSpPr>
          <p:grpSp>
            <p:nvGrpSpPr>
              <p:cNvPr id="9" name="Group 8">
                <a:extLst>
                  <a:ext uri="{FF2B5EF4-FFF2-40B4-BE49-F238E27FC236}">
                    <a16:creationId xmlns:a16="http://schemas.microsoft.com/office/drawing/2014/main" id="{7A49F247-DA2C-444B-A989-4CDDE1118ACD}"/>
                  </a:ext>
                </a:extLst>
              </p:cNvPr>
              <p:cNvGrpSpPr/>
              <p:nvPr/>
            </p:nvGrpSpPr>
            <p:grpSpPr>
              <a:xfrm>
                <a:off x="1197885" y="458742"/>
                <a:ext cx="8991179" cy="2123705"/>
                <a:chOff x="1546227" y="-1486807"/>
                <a:chExt cx="8991179" cy="2123705"/>
              </a:xfrm>
            </p:grpSpPr>
            <p:sp>
              <p:nvSpPr>
                <p:cNvPr id="15" name="Rectangle 14">
                  <a:extLst>
                    <a:ext uri="{FF2B5EF4-FFF2-40B4-BE49-F238E27FC236}">
                      <a16:creationId xmlns:a16="http://schemas.microsoft.com/office/drawing/2014/main" id="{2CE7468A-120F-42BE-A55A-62CB6C1ACFF2}"/>
                    </a:ext>
                  </a:extLst>
                </p:cNvPr>
                <p:cNvSpPr/>
                <p:nvPr/>
              </p:nvSpPr>
              <p:spPr>
                <a:xfrm>
                  <a:off x="2046549" y="-1325343"/>
                  <a:ext cx="8490857" cy="1962241"/>
                </a:xfrm>
                <a:prstGeom prst="rect">
                  <a:avLst/>
                </a:prstGeom>
                <a:solidFill>
                  <a:srgbClr val="906AAB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sp>
              <p:nvSpPr>
                <p:cNvPr id="16" name="Rectangle 15">
                  <a:extLst>
                    <a:ext uri="{FF2B5EF4-FFF2-40B4-BE49-F238E27FC236}">
                      <a16:creationId xmlns:a16="http://schemas.microsoft.com/office/drawing/2014/main" id="{01192FA1-7A57-417E-9613-2ECE4298D3B9}"/>
                    </a:ext>
                  </a:extLst>
                </p:cNvPr>
                <p:cNvSpPr/>
                <p:nvPr/>
              </p:nvSpPr>
              <p:spPr>
                <a:xfrm>
                  <a:off x="1959428" y="-1425847"/>
                  <a:ext cx="8490857" cy="1962241"/>
                </a:xfrm>
                <a:prstGeom prst="rect">
                  <a:avLst/>
                </a:prstGeom>
                <a:solidFill>
                  <a:srgbClr val="E6E1F0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/>
                </a:p>
              </p:txBody>
            </p:sp>
            <p:pic>
              <p:nvPicPr>
                <p:cNvPr id="17" name="Picture 16">
                  <a:extLst>
                    <a:ext uri="{FF2B5EF4-FFF2-40B4-BE49-F238E27FC236}">
                      <a16:creationId xmlns:a16="http://schemas.microsoft.com/office/drawing/2014/main" id="{B3824EA3-CEDB-4E5A-9ADE-299EAD9D1334}"/>
                    </a:ext>
                  </a:extLst>
                </p:cNvPr>
                <p:cNvPicPr>
                  <a:picLocks noChangeAspect="1"/>
                </p:cNvPicPr>
                <p:nvPr/>
              </p:nvPicPr>
              <p:blipFill rotWithShape="1">
                <a:blip r:embed="rId4" cstate="print">
                  <a:extLst>
                    <a:ext uri="{BEBA8EAE-BF5A-486C-A8C5-ECC9F3942E4B}">
                      <a14:imgProps xmlns:a14="http://schemas.microsoft.com/office/drawing/2010/main">
                        <a14:imgLayer r:embed="rId5">
                          <a14:imgEffect>
                            <a14:backgroundRemoval t="7109" b="79621" l="9504" r="92562">
                              <a14:foregroundMark x1="10124" y1="54028" x2="10537" y2="69668"/>
                              <a14:foregroundMark x1="23967" y1="32227" x2="31818" y2="36493"/>
                              <a14:foregroundMark x1="92975" y1="43128" x2="76446" y2="36967"/>
                              <a14:foregroundMark x1="76860" y1="35545" x2="41942" y2="41232"/>
                              <a14:foregroundMark x1="52686" y1="39810" x2="25000" y2="34597"/>
                              <a14:foregroundMark x1="13843" y1="80095" x2="13843" y2="80095"/>
                            </a14:backgroundRemoval>
                          </a14:imgEffect>
                        </a14:imgLayer>
                      </a14:imgProps>
                    </a:ext>
                    <a:ext uri="{28A0092B-C50C-407E-A947-70E740481C1C}">
                      <a14:useLocalDpi xmlns:a14="http://schemas.microsoft.com/office/drawing/2010/main"/>
                    </a:ext>
                  </a:extLst>
                </a:blip>
                <a:srcRect/>
                <a:stretch/>
              </p:blipFill>
              <p:spPr>
                <a:xfrm>
                  <a:off x="1546227" y="-1486807"/>
                  <a:ext cx="2950028" cy="1286647"/>
                </a:xfrm>
                <a:prstGeom prst="rect">
                  <a:avLst/>
                </a:prstGeom>
              </p:spPr>
            </p:pic>
          </p:grpSp>
          <p:sp>
            <p:nvSpPr>
              <p:cNvPr id="11" name="TextBox 10">
                <a:extLst>
                  <a:ext uri="{FF2B5EF4-FFF2-40B4-BE49-F238E27FC236}">
                    <a16:creationId xmlns:a16="http://schemas.microsoft.com/office/drawing/2014/main" id="{71A4C23C-387C-476F-A121-13978B9E9FCA}"/>
                  </a:ext>
                </a:extLst>
              </p:cNvPr>
              <p:cNvSpPr txBox="1"/>
              <p:nvPr/>
            </p:nvSpPr>
            <p:spPr>
              <a:xfrm>
                <a:off x="1996578" y="1329890"/>
                <a:ext cx="7950199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400"/>
                  <a:t>The part of speech of a word tells us its relationship with other words in the sentence. This will help us guess the word’s meaning and help us answer related comprehension questions.</a:t>
                </a:r>
              </a:p>
            </p:txBody>
          </p:sp>
        </p:grp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9AB469B4-2949-4A2F-AC8C-87340F404B20}"/>
                </a:ext>
              </a:extLst>
            </p:cNvPr>
            <p:cNvSpPr txBox="1"/>
            <p:nvPr/>
          </p:nvSpPr>
          <p:spPr>
            <a:xfrm>
              <a:off x="4178301" y="719293"/>
              <a:ext cx="5923643" cy="3839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400" b="1"/>
                <a:t>Working out the meaning of words and phrases (II)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348851180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89FC0DD8-6899-4E10-9900-281A1035BD11}"/>
              </a:ext>
            </a:extLst>
          </p:cNvPr>
          <p:cNvSpPr/>
          <p:nvPr/>
        </p:nvSpPr>
        <p:spPr>
          <a:xfrm>
            <a:off x="1114425" y="556530"/>
            <a:ext cx="10229850" cy="2598149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FE71BA4A-BF8C-463D-AA29-3B434F8880DC}"/>
              </a:ext>
            </a:extLst>
          </p:cNvPr>
          <p:cNvSpPr txBox="1"/>
          <p:nvPr/>
        </p:nvSpPr>
        <p:spPr>
          <a:xfrm>
            <a:off x="1429181" y="3703322"/>
            <a:ext cx="960033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600" b="1"/>
              <a:t>Find a word in the paragraph above that has a similar meaning to ‘harmful to people’.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21163C39-DCA4-8266-7E95-4639F4B9DC1F}"/>
              </a:ext>
            </a:extLst>
          </p:cNvPr>
          <p:cNvSpPr txBox="1"/>
          <p:nvPr/>
        </p:nvSpPr>
        <p:spPr>
          <a:xfrm>
            <a:off x="1426187" y="793775"/>
            <a:ext cx="9918088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/>
              <a:t>Electronic equipment must be disposed of carefully as it contains toxic materials that can injure or kill humans.</a:t>
            </a:r>
          </a:p>
        </p:txBody>
      </p:sp>
      <p:cxnSp>
        <p:nvCxnSpPr>
          <p:cNvPr id="5" name="Straight Connector 4">
            <a:extLst>
              <a:ext uri="{FF2B5EF4-FFF2-40B4-BE49-F238E27FC236}">
                <a16:creationId xmlns:a16="http://schemas.microsoft.com/office/drawing/2014/main" id="{FE7DF150-732F-4930-073B-1D10B24EEF8C}"/>
              </a:ext>
            </a:extLst>
          </p:cNvPr>
          <p:cNvCxnSpPr>
            <a:cxnSpLocks/>
          </p:cNvCxnSpPr>
          <p:nvPr/>
        </p:nvCxnSpPr>
        <p:spPr>
          <a:xfrm>
            <a:off x="2727287" y="6018203"/>
            <a:ext cx="3545693" cy="0"/>
          </a:xfrm>
          <a:prstGeom prst="line">
            <a:avLst/>
          </a:prstGeom>
          <a:ln w="3810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349264302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B328E931-67DE-D72C-6979-42DC9F6D363B}"/>
              </a:ext>
            </a:extLst>
          </p:cNvPr>
          <p:cNvSpPr/>
          <p:nvPr/>
        </p:nvSpPr>
        <p:spPr>
          <a:xfrm>
            <a:off x="1114425" y="556530"/>
            <a:ext cx="10229850" cy="2598149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F05FDADD-4212-93DF-C15A-C65D5B6EFC2D}"/>
              </a:ext>
            </a:extLst>
          </p:cNvPr>
          <p:cNvSpPr txBox="1"/>
          <p:nvPr/>
        </p:nvSpPr>
        <p:spPr>
          <a:xfrm>
            <a:off x="1426187" y="793775"/>
            <a:ext cx="9918088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/>
              <a:t>Electronic equipment must be disposed of carefully as it contains toxic materials that can injure or kill humans.</a:t>
            </a:r>
          </a:p>
        </p:txBody>
      </p:sp>
      <p:pic>
        <p:nvPicPr>
          <p:cNvPr id="1028" name="Picture 4">
            <a:extLst>
              <a:ext uri="{FF2B5EF4-FFF2-40B4-BE49-F238E27FC236}">
                <a16:creationId xmlns:a16="http://schemas.microsoft.com/office/drawing/2014/main" id="{35E02C0E-513A-4BA1-9578-E91B15A2ED9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472209" y="3971722"/>
            <a:ext cx="1861632" cy="225155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C671DA6F-AFCE-C161-378E-2F049F61D472}"/>
              </a:ext>
            </a:extLst>
          </p:cNvPr>
          <p:cNvSpPr txBox="1"/>
          <p:nvPr/>
        </p:nvSpPr>
        <p:spPr>
          <a:xfrm>
            <a:off x="2411735" y="4447743"/>
            <a:ext cx="3318069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What part of speech is the word that you’re looking for?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C10EE08E-6A74-BAF0-8D33-CA8EF660C322}"/>
              </a:ext>
            </a:extLst>
          </p:cNvPr>
          <p:cNvSpPr txBox="1"/>
          <p:nvPr/>
        </p:nvSpPr>
        <p:spPr>
          <a:xfrm rot="21275853">
            <a:off x="6671406" y="5038271"/>
            <a:ext cx="1296240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 verb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3D04C4B0-86E5-68A5-4E06-258D323E4E58}"/>
              </a:ext>
            </a:extLst>
          </p:cNvPr>
          <p:cNvSpPr txBox="1"/>
          <p:nvPr/>
        </p:nvSpPr>
        <p:spPr>
          <a:xfrm rot="226548">
            <a:off x="8388293" y="5291606"/>
            <a:ext cx="1886694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n adverb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549DC6DC-DF0A-9653-2E19-FCB0894182F7}"/>
              </a:ext>
            </a:extLst>
          </p:cNvPr>
          <p:cNvSpPr txBox="1"/>
          <p:nvPr/>
        </p:nvSpPr>
        <p:spPr>
          <a:xfrm>
            <a:off x="7664002" y="4631168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4C015A83-09C3-4855-25BF-5E1B58A68DC0}"/>
              </a:ext>
            </a:extLst>
          </p:cNvPr>
          <p:cNvSpPr txBox="1"/>
          <p:nvPr/>
        </p:nvSpPr>
        <p:spPr>
          <a:xfrm>
            <a:off x="9996789" y="4942688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pic>
        <p:nvPicPr>
          <p:cNvPr id="14" name="Picture 2">
            <a:extLst>
              <a:ext uri="{FF2B5EF4-FFF2-40B4-BE49-F238E27FC236}">
                <a16:creationId xmlns:a16="http://schemas.microsoft.com/office/drawing/2014/main" id="{7B92E1FB-CEBF-457B-6635-432E87B7A91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0470990" y="4343651"/>
            <a:ext cx="1594509" cy="25411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7" name="TextBox 16">
            <a:extLst>
              <a:ext uri="{FF2B5EF4-FFF2-40B4-BE49-F238E27FC236}">
                <a16:creationId xmlns:a16="http://schemas.microsoft.com/office/drawing/2014/main" id="{2763BAF0-9CBD-B5B5-831C-49EA75963A57}"/>
              </a:ext>
            </a:extLst>
          </p:cNvPr>
          <p:cNvSpPr txBox="1"/>
          <p:nvPr/>
        </p:nvSpPr>
        <p:spPr>
          <a:xfrm rot="21275853">
            <a:off x="5299546" y="5975194"/>
            <a:ext cx="2092419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n adjective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4274D77E-5CBE-7A77-228C-111A07812A7B}"/>
              </a:ext>
            </a:extLst>
          </p:cNvPr>
          <p:cNvSpPr txBox="1"/>
          <p:nvPr/>
        </p:nvSpPr>
        <p:spPr>
          <a:xfrm>
            <a:off x="7119262" y="5515158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sp>
        <p:nvSpPr>
          <p:cNvPr id="12" name="Oval 11">
            <a:extLst>
              <a:ext uri="{FF2B5EF4-FFF2-40B4-BE49-F238E27FC236}">
                <a16:creationId xmlns:a16="http://schemas.microsoft.com/office/drawing/2014/main" id="{36810F3A-DBE1-7288-CD99-4C49F23C31B5}"/>
              </a:ext>
            </a:extLst>
          </p:cNvPr>
          <p:cNvSpPr/>
          <p:nvPr/>
        </p:nvSpPr>
        <p:spPr>
          <a:xfrm rot="21291100">
            <a:off x="5260057" y="5807777"/>
            <a:ext cx="2181334" cy="830996"/>
          </a:xfrm>
          <a:custGeom>
            <a:avLst/>
            <a:gdLst>
              <a:gd name="connsiteX0" fmla="*/ 0 w 2181334"/>
              <a:gd name="connsiteY0" fmla="*/ 415498 h 830996"/>
              <a:gd name="connsiteX1" fmla="*/ 1090667 w 2181334"/>
              <a:gd name="connsiteY1" fmla="*/ 0 h 830996"/>
              <a:gd name="connsiteX2" fmla="*/ 2181334 w 2181334"/>
              <a:gd name="connsiteY2" fmla="*/ 415498 h 830996"/>
              <a:gd name="connsiteX3" fmla="*/ 1090667 w 2181334"/>
              <a:gd name="connsiteY3" fmla="*/ 830996 h 830996"/>
              <a:gd name="connsiteX4" fmla="*/ 0 w 2181334"/>
              <a:gd name="connsiteY4" fmla="*/ 415498 h 83099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181334" h="830996" extrusionOk="0">
                <a:moveTo>
                  <a:pt x="0" y="415498"/>
                </a:moveTo>
                <a:cubicBezTo>
                  <a:pt x="6543" y="136808"/>
                  <a:pt x="502035" y="11057"/>
                  <a:pt x="1090667" y="0"/>
                </a:cubicBezTo>
                <a:cubicBezTo>
                  <a:pt x="1656116" y="-13956"/>
                  <a:pt x="2185567" y="171183"/>
                  <a:pt x="2181334" y="415498"/>
                </a:cubicBezTo>
                <a:cubicBezTo>
                  <a:pt x="2189485" y="639583"/>
                  <a:pt x="1663651" y="905848"/>
                  <a:pt x="1090667" y="830996"/>
                </a:cubicBezTo>
                <a:cubicBezTo>
                  <a:pt x="484205" y="844471"/>
                  <a:pt x="15406" y="631421"/>
                  <a:pt x="0" y="415498"/>
                </a:cubicBezTo>
                <a:close/>
              </a:path>
            </a:pathLst>
          </a:custGeom>
          <a:noFill/>
          <a:ln w="28575">
            <a:solidFill>
              <a:srgbClr val="FF0000"/>
            </a:solidFill>
            <a:extLst>
              <a:ext uri="{C807C97D-BFC1-408E-A445-0C87EB9F89A2}">
                <ask:lineSketchStyleProps xmlns:ask="http://schemas.microsoft.com/office/drawing/2018/sketchyshapes" sd="4266498984">
                  <a:prstGeom prst="ellipse">
                    <a:avLst/>
                  </a:prstGeom>
                  <ask:type>
                    <ask:lineSketchCurved/>
                  </ask:type>
                </ask:lineSketchStyleProps>
              </a:ext>
            </a:extLst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F99FA73F-994C-58B1-BC0C-1CC086AE151B}"/>
              </a:ext>
            </a:extLst>
          </p:cNvPr>
          <p:cNvSpPr txBox="1"/>
          <p:nvPr/>
        </p:nvSpPr>
        <p:spPr>
          <a:xfrm rot="21257883">
            <a:off x="7772813" y="6211229"/>
            <a:ext cx="1886694" cy="523220"/>
          </a:xfrm>
          <a:prstGeom prst="rect">
            <a:avLst/>
          </a:prstGeom>
          <a:solidFill>
            <a:schemeClr val="accent4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pPr algn="ctr"/>
            <a:r>
              <a:rPr lang="en-US" sz="2800" b="1">
                <a:solidFill>
                  <a:schemeClr val="bg1"/>
                </a:solidFill>
              </a:rPr>
              <a:t>a noun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2BF02A49-305E-A12E-BCAA-7757FFBA89B2}"/>
              </a:ext>
            </a:extLst>
          </p:cNvPr>
          <p:cNvSpPr txBox="1"/>
          <p:nvPr/>
        </p:nvSpPr>
        <p:spPr>
          <a:xfrm rot="21031335">
            <a:off x="9323906" y="5703299"/>
            <a:ext cx="81534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b="1">
                <a:solidFill>
                  <a:srgbClr val="0070C0"/>
                </a:solidFill>
              </a:rPr>
              <a:t>?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04B819AB-C152-7B58-1805-D187F3B409FF}"/>
              </a:ext>
            </a:extLst>
          </p:cNvPr>
          <p:cNvSpPr txBox="1"/>
          <p:nvPr/>
        </p:nvSpPr>
        <p:spPr>
          <a:xfrm>
            <a:off x="2012827" y="3164764"/>
            <a:ext cx="960033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600" b="1"/>
              <a:t>Find a word in the paragraph above that has a similar meaning to ‘harmful to people’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570103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9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1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6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8" presetID="21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0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  <p:bldP spid="8" grpId="0" animBg="1"/>
      <p:bldP spid="9" grpId="0" animBg="1"/>
      <p:bldP spid="10" grpId="0"/>
      <p:bldP spid="11" grpId="0"/>
      <p:bldP spid="17" grpId="0" animBg="1"/>
      <p:bldP spid="19" grpId="0"/>
      <p:bldP spid="12" grpId="0" animBg="1"/>
      <p:bldP spid="21" grpId="0" animBg="1"/>
      <p:bldP spid="22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89FC0DD8-6899-4E10-9900-281A1035BD11}"/>
              </a:ext>
            </a:extLst>
          </p:cNvPr>
          <p:cNvSpPr/>
          <p:nvPr/>
        </p:nvSpPr>
        <p:spPr>
          <a:xfrm>
            <a:off x="1114425" y="556530"/>
            <a:ext cx="10229850" cy="2598149"/>
          </a:xfrm>
          <a:prstGeom prst="roundRect">
            <a:avLst>
              <a:gd name="adj" fmla="val 11116"/>
            </a:avLst>
          </a:prstGeom>
          <a:noFill/>
          <a:ln w="57150"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21163C39-DCA4-8266-7E95-4639F4B9DC1F}"/>
              </a:ext>
            </a:extLst>
          </p:cNvPr>
          <p:cNvSpPr txBox="1"/>
          <p:nvPr/>
        </p:nvSpPr>
        <p:spPr>
          <a:xfrm>
            <a:off x="1426187" y="793775"/>
            <a:ext cx="9918088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/>
              <a:t>Electronic equipment must be disposed of carefully as it contains toxic materials that can injure or kill humans.</a:t>
            </a:r>
          </a:p>
        </p:txBody>
      </p:sp>
      <p:cxnSp>
        <p:nvCxnSpPr>
          <p:cNvPr id="18" name="Straight Connector 17">
            <a:extLst>
              <a:ext uri="{FF2B5EF4-FFF2-40B4-BE49-F238E27FC236}">
                <a16:creationId xmlns:a16="http://schemas.microsoft.com/office/drawing/2014/main" id="{7A36098C-2132-7B93-4913-40ED539D4D74}"/>
              </a:ext>
            </a:extLst>
          </p:cNvPr>
          <p:cNvCxnSpPr>
            <a:cxnSpLocks/>
          </p:cNvCxnSpPr>
          <p:nvPr/>
        </p:nvCxnSpPr>
        <p:spPr>
          <a:xfrm>
            <a:off x="5471925" y="4612447"/>
            <a:ext cx="3452445" cy="0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4" name="TextBox 23">
            <a:extLst>
              <a:ext uri="{FF2B5EF4-FFF2-40B4-BE49-F238E27FC236}">
                <a16:creationId xmlns:a16="http://schemas.microsoft.com/office/drawing/2014/main" id="{647FAD75-53C8-C7F1-F6E6-A87473217E29}"/>
              </a:ext>
            </a:extLst>
          </p:cNvPr>
          <p:cNvSpPr txBox="1"/>
          <p:nvPr/>
        </p:nvSpPr>
        <p:spPr>
          <a:xfrm>
            <a:off x="1585062" y="3535799"/>
            <a:ext cx="960033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US" sz="3600" b="1"/>
              <a:t>Find a word in the paragraph above that has a similar meaning to ‘harmful to people’.</a:t>
            </a:r>
          </a:p>
        </p:txBody>
      </p:sp>
      <p:pic>
        <p:nvPicPr>
          <p:cNvPr id="27" name="Picture 4">
            <a:extLst>
              <a:ext uri="{FF2B5EF4-FFF2-40B4-BE49-F238E27FC236}">
                <a16:creationId xmlns:a16="http://schemas.microsoft.com/office/drawing/2014/main" id="{FE6820C3-0DDA-AA6F-9943-D9D2DCF8CE4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 flipH="1">
            <a:off x="1228724" y="4853282"/>
            <a:ext cx="1442768" cy="174495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0" name="TextBox 29">
            <a:extLst>
              <a:ext uri="{FF2B5EF4-FFF2-40B4-BE49-F238E27FC236}">
                <a16:creationId xmlns:a16="http://schemas.microsoft.com/office/drawing/2014/main" id="{CB86BF6E-A4BD-CAB1-A922-63138DF18EB4}"/>
              </a:ext>
            </a:extLst>
          </p:cNvPr>
          <p:cNvSpPr txBox="1"/>
          <p:nvPr/>
        </p:nvSpPr>
        <p:spPr>
          <a:xfrm>
            <a:off x="2833997" y="5213244"/>
            <a:ext cx="9358003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>
                <a:solidFill>
                  <a:srgbClr val="0070C0"/>
                </a:solidFill>
              </a:rPr>
              <a:t>We know that the adjective must have a similar meaning to ‘harmful to people’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34850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teps&quot;,&quot;progressBar&quot;:{&quot;enabled&quot;:true,&quot;mode&quot;:&quot;presentationTimeline&quot;,&quot;showLabels&quot;:true,&quot;visible&quot;:fals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MPANY_LOGO_BIG&quot;:&quot;Company Logo\n(266x156)&quot;,&quot;PB_COMPANY_LOGO_SMALL&quot;:&quot;Company Logo (266x50)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OWNLOAD_APP_MESSAGE&quot;:&quot;To view this presentation with video, download free iOS application iSpring Play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LAUNCH_BTN_LABEL&quot;:&quot;Launch&quot;,&quot;PB_LAUNCH_IN_APP_MESSAGE&quot;:&quot;To view with video, use iSpring Play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HIDE_BIO&quot;:&quot;Hide&quot;,&quot;PB_PRESENTER_INFO&quot;:&quot;Presenter Info&quot;,&quot;PB_PRESENTER_NO_INFO&quot;:&quot;No presenter info.&quot;,&quot;PB_PRESENTER_SHOW_BIO&quot;:&quot;See more&quot;,&quot;PB_PRESENTER_VIDEO&quot;:&quot;Presenter Video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DEFAULT_COURSE_TITLE&quot;:&quot;Course Title Example&quot;,&quot;PB_TITLE_PANEL_MARKER_TOOLS&quot;:&quot;Drawing&quot;,&quot;PB_TITLE_PANEL_NOTES&quot;:&quot;Notes&quot;,&quot;PB_TITLE_PANEL_OUTLINE&quot;:&quot;Outline&quot;,&quot;PB_TITLE_PANEL_PRESENTER_INFO&quot;:&quot;Presenter Info&quot;,&quot;PB_TOOLTIP_ADD_LOGO&quot;:&quot;Click to add a company logo&quot;,&quot;PB_TOOLTIP_CHANGE_LOGO&quot;:&quot;Click to edit a company log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],&quot;dynamicPlain&quot;:[&quot;DCT_SLIDE_TITLE&quot;,&quot;DCT_SLIDE_TEXT&quot;,&quot;DCT_HYPERLINK_TOOLTIP&quot;],&quot;static&quot;:[&quot;Search…&quot;,&quot;in slide&quot;,&quot;in notes&quot;,&quot;Cancel&quot;,&quot;Pen&quot;,&quot;Highlighter&quot;,&quot;Eraser&quot;,&quot;Erase all&quot;,&quot;Finish drawing&quot;,&quot;Drawing&quot;,&quot;Outline&quot;,&quot;Full screen&quot;,&quot;Exit full screen&quot;,&quot;%SLIDE_NUMBER% of %TOTAL_SLIDES%&quot;,&quot;Do you want to resume where you left off?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Complete the slide to go to the next one.&quot;,&quot;You can only view slides in order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,&quot;Previous&quot;,&quot;Next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],&quot;dynamicPlain&quot;:[&quot;DCT_SLIDE_TITLE&quot;,&quot;DCT_SLIDE_NOTES_TEXT&quot;,&quot;DCT_SLIDE_TEXT&quot;],&quot;static&quot;:[&quot;Search results&quot;,&quot;No matches found.&quot;,&quot;Slides&quot;,&quot;Next&quot;,&quot;Yes&quot;,&quot;No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-SUITE_ISPRING_CURRENT_PLAYER_ID" val="universal"/>
  <p:tag name="ISPRING_PRESENTATION_COURSE_TITLE" val="Edge_2E_1BU5_ReadingSkill"/>
  <p:tag name="ISPRING_LMS_API_VERSION" val="SCORM 2004 (4th edition)"/>
  <p:tag name="ISPRING_ULTRA_SCORM_COURSE_ID" val="A73F7C25-479C-48F7-B6C1-E5A6C2DADAFF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FFFDP{D1D230A2-7854-462B-A6B2-04510552466C}&quot;,&quot;C:\\Users\\uchansi\\Desktop\\ELT\\SecELT\\JS Edge 2E\\Digital\\PEC\\20220927_PPT to HTML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RATE_QUIZZES" val="0"/>
  <p:tag name="ISPRING_SCORM_PASSING_SCORE" val="0.000000"/>
  <p:tag name="ISPRING_PRESENTATION_TITLE" val="Edge_2E_1BU5_ReadingSkil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CADBEF-A2C2-4D5C-BB18-84817AA67E1F}:385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CADBEF-A2C2-4D5C-BB18-84817AA67E1F}:3853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E06570-C9D4-4A58-BEC3-0899029D625B}:3836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E06570-C9D4-4A58-BEC3-0899029D625B}:3836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E06570-C9D4-4A58-BEC3-0899029D625B}:3836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CADBEF-A2C2-4D5C-BB18-84817AA67E1F}:385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70943E0-DAB0-409F-B41A-8D65CAB81B0F}:3826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FF2CD0-C642-4423-ACFC-28BCAE18DE81}:3839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FF2CD0-C642-4423-ACFC-28BCAE18DE81}:3839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CADBEF-A2C2-4D5C-BB18-84817AA67E1F}:385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D4E0FE2-C706-4A9E-8EDD-D2839D29986D}:25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CADBEF-A2C2-4D5C-BB18-84817AA67E1F}:3853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E06570-C9D4-4A58-BEC3-0899029D625B}:3836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FF2CD0-C642-4423-ACFC-28BCAE18DE81}:3839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FF2CD0-C642-4423-ACFC-28BCAE18DE81}:3839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55CC4B7-39A4-4CC3-A57B-61919AE4A573}:3857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ECE0BC3-B1A3-436C-9493-F4DBC2626393}:3858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FF2CD0-C642-4423-ACFC-28BCAE18DE81}:3839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CADBEF-A2C2-4D5C-BB18-84817AA67E1F}:3853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CADBEF-A2C2-4D5C-BB18-84817AA67E1F}:3853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E06570-C9D4-4A58-BEC3-0899029D625B}:383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CF9CFB-13BE-4BF4-9D4D-92A3D3852F8A}:3835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ECE0BC3-B1A3-436C-9493-F4DBC2626393}:3858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FF2CD0-C642-4423-ACFC-28BCAE18DE81}:3839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0D700CE-54B3-4CFA-A831-70AFB9375B7F}:385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74A8ED1-C31E-4344-A73B-EB6C5093A5D5}:3867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0E6ED6D-2FC1-4E8C-BD67-83F6474CCB8B}:3834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CF9CFB-13BE-4BF4-9D4D-92A3D3852F8A}:3835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CF9CFB-13BE-4BF4-9D4D-92A3D3852F8A}:383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CF9CFB-13BE-4BF4-9D4D-92A3D3852F8A}:3835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27D6EA-BEB1-4643-9B97-20FA954F3CE3}:3837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5CADBEF-A2C2-4D5C-BB18-84817AA67E1F}:385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E06570-C9D4-4A58-BEC3-0899029D625B}:3836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32E3E3D83D3FBF4285242008F227B0F5" ma:contentTypeVersion="18" ma:contentTypeDescription="Create a new document." ma:contentTypeScope="" ma:versionID="416a345af103b8b15943facacee7c980">
  <xsd:schema xmlns:xsd="http://www.w3.org/2001/XMLSchema" xmlns:xs="http://www.w3.org/2001/XMLSchema" xmlns:p="http://schemas.microsoft.com/office/2006/metadata/properties" xmlns:ns2="ee126d92-dfc6-4b71-99b6-e4eb8446b015" xmlns:ns3="a2182766-6dcb-4ddf-8a60-b6a89658b128" targetNamespace="http://schemas.microsoft.com/office/2006/metadata/properties" ma:root="true" ma:fieldsID="b78fd4bfd4c1d76e2103d8094eae2190" ns2:_="" ns3:_="">
    <xsd:import namespace="ee126d92-dfc6-4b71-99b6-e4eb8446b015"/>
    <xsd:import namespace="a2182766-6dcb-4ddf-8a60-b6a89658b128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AutoKeyPoints" minOccurs="0"/>
                <xsd:element ref="ns2:MediaServiceKeyPoints" minOccurs="0"/>
                <xsd:element ref="ns3:SharedWithUsers" minOccurs="0"/>
                <xsd:element ref="ns3:SharedWithDetails" minOccurs="0"/>
                <xsd:element ref="ns2:MediaServiceAutoTags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2:MediaServiceDateTaken" minOccurs="0"/>
                <xsd:element ref="ns2:MediaServiceLocation" minOccurs="0"/>
                <xsd:element ref="ns2:MediaLengthInSeconds" minOccurs="0"/>
                <xsd:element ref="ns3:TaxCatchAll" minOccurs="0"/>
                <xsd:element ref="ns2:lcf76f155ced4ddcb4097134ff3c332f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e126d92-dfc6-4b71-99b6-e4eb8446b015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AutoKeyPoints" ma:index="10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1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MediaServiceAutoTags" ma:index="14" nillable="true" ma:displayName="Tags" ma:internalName="MediaServiceAutoTags" ma:readOnly="true">
      <xsd:simpleType>
        <xsd:restriction base="dms:Text"/>
      </xsd:simpleType>
    </xsd:element>
    <xsd:element name="MediaServiceGenerationTime" ma:index="15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6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7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DateTaken" ma:index="18" nillable="true" ma:displayName="MediaServiceDateTaken" ma:hidden="true" ma:internalName="MediaServiceDateTaken" ma:readOnly="true">
      <xsd:simpleType>
        <xsd:restriction base="dms:Text"/>
      </xsd:simpleType>
    </xsd:element>
    <xsd:element name="MediaServiceLocation" ma:index="19" nillable="true" ma:displayName="Location" ma:internalName="MediaServiceLocation" ma:readOnly="true">
      <xsd:simpleType>
        <xsd:restriction base="dms:Text"/>
      </xsd:simpleType>
    </xsd:element>
    <xsd:element name="MediaLengthInSeconds" ma:index="20" nillable="true" ma:displayName="MediaLengthInSeconds" ma:hidden="true" ma:internalName="MediaLengthInSeconds" ma:readOnly="true">
      <xsd:simpleType>
        <xsd:restriction base="dms:Unknown"/>
      </xsd:simpleType>
    </xsd:element>
    <xsd:element name="lcf76f155ced4ddcb4097134ff3c332f" ma:index="23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a2182766-6dcb-4ddf-8a60-b6a89658b128" elementFormDefault="qualified">
    <xsd:import namespace="http://schemas.microsoft.com/office/2006/documentManagement/types"/>
    <xsd:import namespace="http://schemas.microsoft.com/office/infopath/2007/PartnerControls"/>
    <xsd:element name="SharedWithUsers" ma:index="12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3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  <xsd:element name="TaxCatchAll" ma:index="21" nillable="true" ma:displayName="Taxonomy Catch All Column" ma:hidden="true" ma:list="{83577ef4-df57-4f84-8383-833e3699824b}" ma:internalName="TaxCatchAll" ma:showField="CatchAllData" ma:web="a2182766-6dcb-4ddf-8a60-b6a89658b128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MediaServiceKeyPoints xmlns="ee126d92-dfc6-4b71-99b6-e4eb8446b015" xsi:nil="true"/>
    <TaxCatchAll xmlns="a2182766-6dcb-4ddf-8a60-b6a89658b128" xsi:nil="true"/>
    <lcf76f155ced4ddcb4097134ff3c332f xmlns="ee126d92-dfc6-4b71-99b6-e4eb8446b015">
      <Terms xmlns="http://schemas.microsoft.com/office/infopath/2007/PartnerControls"/>
    </lcf76f155ced4ddcb4097134ff3c332f>
    <SharedWithUsers xmlns="a2182766-6dcb-4ddf-8a60-b6a89658b128">
      <UserInfo>
        <DisplayName/>
        <AccountId xsi:nil="true"/>
        <AccountType/>
      </UserInfo>
    </SharedWithUsers>
    <MediaLengthInSeconds xmlns="ee126d92-dfc6-4b71-99b6-e4eb8446b015" xsi:nil="true"/>
  </documentManagement>
</p:properties>
</file>

<file path=customXml/itemProps1.xml><?xml version="1.0" encoding="utf-8"?>
<ds:datastoreItem xmlns:ds="http://schemas.openxmlformats.org/officeDocument/2006/customXml" ds:itemID="{1A449C04-64B3-4403-94B7-8D2284C38D1B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45E2C667-F7D3-41A0-92EF-CB0A3121D587}">
  <ds:schemaRefs>
    <ds:schemaRef ds:uri="a2182766-6dcb-4ddf-8a60-b6a89658b128"/>
    <ds:schemaRef ds:uri="ee126d92-dfc6-4b71-99b6-e4eb8446b015"/>
    <ds:schemaRef ds:uri="http://purl.org/dc/elements/1.1/"/>
    <ds:schemaRef ds:uri="http://purl.org/dc/terms/"/>
    <ds:schemaRef ds:uri="http://schemas.microsoft.com/internal/obd"/>
    <ds:schemaRef ds:uri="http://schemas.microsoft.com/office/2006/documentManagement/types"/>
    <ds:schemaRef ds:uri="http://schemas.microsoft.com/office/2006/metadata/contentType"/>
    <ds:schemaRef ds:uri="http://schemas.microsoft.com/office/2006/metadata/properties"/>
    <ds:schemaRef ds:uri="http://schemas.microsoft.com/office/2006/metadata/properties/metaAttributes"/>
    <ds:schemaRef ds:uri="http://schemas.microsoft.com/office/infopath/2007/PartnerControls"/>
    <ds:schemaRef ds:uri="http://schemas.openxmlformats.org/package/2006/metadata/core-properties"/>
    <ds:schemaRef ds:uri="http://www.w3.org/2001/XMLSchema"/>
  </ds:schemaRefs>
</ds:datastoreItem>
</file>

<file path=customXml/itemProps3.xml><?xml version="1.0" encoding="utf-8"?>
<ds:datastoreItem xmlns:ds="http://schemas.openxmlformats.org/officeDocument/2006/customXml" ds:itemID="{FBDEF148-1770-458F-8F5B-C3D0A278AA97}">
  <ds:schemaRefs>
    <ds:schemaRef ds:uri="http://schemas.microsoft.com/office/2006/documentManagement/types"/>
    <ds:schemaRef ds:uri="http://purl.org/dc/elements/1.1/"/>
    <ds:schemaRef ds:uri="http://schemas.microsoft.com/office/infopath/2007/PartnerControls"/>
    <ds:schemaRef ds:uri="http://schemas.openxmlformats.org/package/2006/metadata/core-properties"/>
    <ds:schemaRef ds:uri="a2182766-6dcb-4ddf-8a60-b6a89658b128"/>
    <ds:schemaRef ds:uri="http://purl.org/dc/terms/"/>
    <ds:schemaRef ds:uri="http://schemas.microsoft.com/office/2006/metadata/properties"/>
    <ds:schemaRef ds:uri="ee126d92-dfc6-4b71-99b6-e4eb8446b015"/>
    <ds:schemaRef ds:uri="http://www.w3.org/XML/1998/namespace"/>
    <ds:schemaRef ds:uri="http://purl.org/dc/dcmitype/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{1DB5166B-E7EE-4A4F-BAC3-EF7F0BDA05B3}tf78504181_win32</Template>
  <TotalTime>7</TotalTime>
  <Words>1439</Words>
  <Application>Microsoft Office PowerPoint</Application>
  <PresentationFormat>Widescreen</PresentationFormat>
  <Paragraphs>150</Paragraphs>
  <Slides>33</Slides>
  <Notes>33</Notes>
  <HiddenSlides>0</HiddenSlides>
  <MMClips>3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3</vt:i4>
      </vt:variant>
    </vt:vector>
  </HeadingPairs>
  <TitlesOfParts>
    <vt:vector size="40" baseType="lpstr">
      <vt:lpstr>Arial</vt:lpstr>
      <vt:lpstr>Calibri</vt:lpstr>
      <vt:lpstr>Calibri Light</vt:lpstr>
      <vt:lpstr>Kristen ITC</vt:lpstr>
      <vt:lpstr>Open Sans ExtraBold</vt:lpstr>
      <vt:lpstr>Verdana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© Pearson Education Asia Limited 2023</dc:creator>
  <cp:lastModifiedBy>Silvia Chan</cp:lastModifiedBy>
  <cp:revision>2</cp:revision>
  <dcterms:created xsi:type="dcterms:W3CDTF">2022-04-28T10:17:10Z</dcterms:created>
  <dcterms:modified xsi:type="dcterms:W3CDTF">2023-02-28T07:36:0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32E3E3D83D3FBF4285242008F227B0F5</vt:lpwstr>
  </property>
  <property fmtid="{D5CDD505-2E9C-101B-9397-08002B2CF9AE}" pid="3" name="Order">
    <vt:r8>3045200</vt:r8>
  </property>
  <property fmtid="{D5CDD505-2E9C-101B-9397-08002B2CF9AE}" pid="4" name="TriggerFlowInfo">
    <vt:lpwstr/>
  </property>
  <property fmtid="{D5CDD505-2E9C-101B-9397-08002B2CF9AE}" pid="5" name="ComplianceAssetId">
    <vt:lpwstr/>
  </property>
  <property fmtid="{D5CDD505-2E9C-101B-9397-08002B2CF9AE}" pid="6" name="_ExtendedDescription">
    <vt:lpwstr/>
  </property>
  <property fmtid="{D5CDD505-2E9C-101B-9397-08002B2CF9AE}" pid="7" name="MediaServiceImageTags">
    <vt:lpwstr/>
  </property>
</Properties>
</file>